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odeName="ThisWorkbook"/>
  <mc:AlternateContent xmlns:mc="http://schemas.openxmlformats.org/markup-compatibility/2006">
    <mc:Choice Requires="x15">
      <x15ac:absPath xmlns:x15ac="http://schemas.microsoft.com/office/spreadsheetml/2010/11/ac" url="C:\Users\s105345\Desktop\◆環境\2)物質管理\140116以降_sheetC改訂検討\180516[改訂]_本社へ\0621_分析データ表フタル酸追加\"/>
    </mc:Choice>
  </mc:AlternateContent>
  <bookViews>
    <workbookView xWindow="0" yWindow="0" windowWidth="18975" windowHeight="7080" tabRatio="837"/>
  </bookViews>
  <sheets>
    <sheet name="Note" sheetId="42" r:id="rId1"/>
    <sheet name="A.RoHS" sheetId="32" r:id="rId2"/>
    <sheet name="B.Others" sheetId="46" r:id="rId3"/>
    <sheet name="A (appendix). RoHS" sheetId="53" r:id="rId4"/>
    <sheet name="B (appendix). Others" sheetId="37" r:id="rId5"/>
    <sheet name="Analysis" sheetId="57" r:id="rId6"/>
    <sheet name="&lt;Ref&gt; Check Point" sheetId="58" r:id="rId7"/>
    <sheet name="Revision Point" sheetId="59" r:id="rId8"/>
    <sheet name="Reference Reg." sheetId="54" r:id="rId9"/>
  </sheets>
  <definedNames>
    <definedName name="_xlnm._FilterDatabase" localSheetId="3" hidden="1">'A (appendix). RoHS'!$A$1:$I$55</definedName>
    <definedName name="_xlnm._FilterDatabase" localSheetId="1" hidden="1">A.RoHS!$A$1:$G$67</definedName>
    <definedName name="_xlnm._FilterDatabase" localSheetId="4" hidden="1">'B (appendix). Others'!$A$1:$I$99</definedName>
    <definedName name="_xlnm.Print_Area" localSheetId="6">'&lt;Ref&gt; Check Point'!$A$1:$S$34</definedName>
    <definedName name="_xlnm.Print_Area" localSheetId="1">A.RoHS!$A$1:$G$61</definedName>
    <definedName name="_xlnm.Print_Area" localSheetId="5">Analysis!$A$1:$V$47</definedName>
    <definedName name="_xlnm.Print_Area" localSheetId="4">'B (appendix). Others'!$A$1:$H$107</definedName>
    <definedName name="_xlnm.Print_Area" localSheetId="2">B.Others!$A$1:$G$102</definedName>
    <definedName name="_xlnm.Print_Area" localSheetId="8">'Reference Reg.'!$A$1:$D$55</definedName>
    <definedName name="_xlnm.Print_Area" localSheetId="7">'Revision Point'!$A$1:$E$68</definedName>
    <definedName name="_xlnm.Print_Titles" localSheetId="3">'A (appendix). RoHS'!$1:$1</definedName>
    <definedName name="_xlnm.Print_Titles" localSheetId="1">A.RoHS!$1:$1</definedName>
    <definedName name="_xlnm.Print_Titles" localSheetId="4">'B (appendix). Others'!$1:$1</definedName>
    <definedName name="_xlnm.Print_Titles" localSheetId="2">B.Others!$1:$1</definedName>
  </definedNames>
  <calcPr calcId="152511"/>
</workbook>
</file>

<file path=xl/calcChain.xml><?xml version="1.0" encoding="utf-8"?>
<calcChain xmlns="http://schemas.openxmlformats.org/spreadsheetml/2006/main">
  <c r="G1" i="32" l="1"/>
  <c r="I1" i="53" s="1"/>
  <c r="H1" i="37" l="1"/>
  <c r="G1" i="46"/>
</calcChain>
</file>

<file path=xl/sharedStrings.xml><?xml version="1.0" encoding="utf-8"?>
<sst xmlns="http://schemas.openxmlformats.org/spreadsheetml/2006/main" count="864" uniqueCount="440">
  <si>
    <t>To: SHARP Corporation</t>
    <phoneticPr fontId="7"/>
  </si>
  <si>
    <t>-</t>
    <phoneticPr fontId="7"/>
  </si>
  <si>
    <t>7(c)-II</t>
    <phoneticPr fontId="7"/>
  </si>
  <si>
    <t>7(c)-I</t>
    <phoneticPr fontId="7"/>
  </si>
  <si>
    <t>Boric acid</t>
  </si>
  <si>
    <t>Beryllium and its compound</t>
  </si>
  <si>
    <t>Azo colorants</t>
  </si>
  <si>
    <t>Polyvinyl Chloride and its copolymer</t>
  </si>
  <si>
    <t>Radioactive substances</t>
  </si>
  <si>
    <t>Fluorinated greenhouse gases (HFC, PFC, SF6)</t>
  </si>
  <si>
    <t>Formaldehyde</t>
  </si>
  <si>
    <t>Perchlorates</t>
  </si>
  <si>
    <t>Nickel</t>
  </si>
  <si>
    <t>Arsenic and its compound</t>
  </si>
  <si>
    <t>Dioctyltin (DOT) compounds</t>
  </si>
  <si>
    <t>Chlorinated flame retardants</t>
  </si>
  <si>
    <t>Banned</t>
  </si>
  <si>
    <t>Usable</t>
  </si>
  <si>
    <t>No.</t>
  </si>
  <si>
    <t>Used less than 0.2% by weight in glass of fluorescent tubes.</t>
  </si>
  <si>
    <t>Using Beryllium oxide.</t>
  </si>
  <si>
    <t>Used in the other than the following (3).</t>
  </si>
  <si>
    <t xml:space="preserve">Used in the exception items. </t>
  </si>
  <si>
    <t>Used in the other than the above (1).</t>
  </si>
  <si>
    <t>Used other than the above (1).</t>
  </si>
  <si>
    <t>Using "Thorium" in the magnetron of a microwave oven.</t>
  </si>
  <si>
    <t>Using "Krypton 85" in the electric bulb for a LCD projector.</t>
  </si>
  <si>
    <t>Used in the other than the following (2).</t>
  </si>
  <si>
    <t xml:space="preserve">Use for the refrigerant and/or the thermal insulator (HFC only). </t>
  </si>
  <si>
    <t xml:space="preserve">Used in wooden parts. </t>
  </si>
  <si>
    <t>Contained less than 6ppb by weight per battery.</t>
  </si>
  <si>
    <t>Used in parts which continuously contact with human skin for a long time.</t>
  </si>
  <si>
    <t>Used in products for children 12 and under, containing lead exceeding 0.01wt% per armored part.</t>
  </si>
  <si>
    <t>Used in parts/material used in toys, containing lead above 0.009% per surface treatment layer such as coating.</t>
  </si>
  <si>
    <t>Used in electrical and electronic components in a glass or ceramic other than dielectric ceramic in capacitors, e.g. piezoelectronic devices, or in a glass or ceramic matrix compound</t>
  </si>
  <si>
    <t>Used in solder for connecting semiconductor dies and carriers in flip chip IC packages.</t>
  </si>
  <si>
    <t>Used in dielectric ceramic used in a capacitor with rated voltage of 125V AC or 250V DC or larger.</t>
  </si>
  <si>
    <t>Used in cold cathode fluorescent lamps and external electrode fluorescent lamps (CCFL and EEFL) for special purposes (per lamp):</t>
  </si>
  <si>
    <t>Used in other discharge lamps for special purposes specified in of EU RoHS directive Annex III 4(f) (2011/65/EU).</t>
  </si>
  <si>
    <t>Used in every application other than the above (1). (Used in a part which does not continuously contact with human body)</t>
  </si>
  <si>
    <t>Used in packaging material and packaging part for Sharp product.</t>
  </si>
  <si>
    <t xml:space="preserve">Used in photoresists and antireflection coating for the photolithography process. </t>
  </si>
  <si>
    <t>Used in photo coating used in printing plates, film, and documents.</t>
  </si>
  <si>
    <t>Used in mist suppressants for hard chrome plating, and moistening agent used in equipment for plating.</t>
  </si>
  <si>
    <t>Contained above 6ppb by weight per battery. (Necessary to caution on operation manual)</t>
  </si>
  <si>
    <t>Used in the lamp of LCD projector. (Diarsenic trioxide)</t>
  </si>
  <si>
    <t>It is difficult to substitute, and a permission from the adoption decision department in Sharp was obtained.</t>
  </si>
  <si>
    <t>Used in products for children 12 and under or home furnishings covered with fiver.</t>
  </si>
  <si>
    <t>Diisobutyl phthalate (DIBP)</t>
  </si>
  <si>
    <t>Perfluorooctane sulfonate (PFOSs) *2)</t>
  </si>
  <si>
    <t>Perfluorooctanoic acid (PFOA) and its salts and esters of PFOA *3)</t>
  </si>
  <si>
    <t>[regulated by the Montreal Protocol (Class I and II)] *1)</t>
  </si>
  <si>
    <t>Polychlorinated biphenyls (PCBs) and specific substitutes</t>
  </si>
  <si>
    <t>Hexavalent chromium compound *2)</t>
  </si>
  <si>
    <t xml:space="preserve">Content is 1000ppm or less.  However, content is less than 3ppm of the dry weight of the leather in leather articles and parts coming into contact with the skin. </t>
  </si>
  <si>
    <t>Polybrominated biphenyls (PBBs)</t>
  </si>
  <si>
    <t>Content is 1000ppm or less.</t>
  </si>
  <si>
    <t>Polybrominated diphenyl ethers (PBDEs)</t>
  </si>
  <si>
    <t>Bis(2-ethylhexyl)phthalate (DEHP), Dibutyl phthalate (DBP), Bis(butylbenzyl) phthalate (BBP)</t>
  </si>
  <si>
    <t>Cadmium and its  compound *2)</t>
  </si>
  <si>
    <t>Content is 100ppm or less.  Regarding batteries, complying with the EU Battery Directive (2006/66/EC, 2013/56/EU).</t>
  </si>
  <si>
    <t>Lead and its compound *2)</t>
  </si>
  <si>
    <t>Mercury and its compound *2)</t>
  </si>
  <si>
    <t>Content is 1000ppm or less.  Regarding batteries, complying with the EU Battery Directive (2006/66/EC, 2013/56/EU).</t>
  </si>
  <si>
    <t>Tributyl Tin Oxide (TBTO)</t>
  </si>
  <si>
    <t>Content is 1000ppm or less.  Not intentionally added.</t>
  </si>
  <si>
    <t>Tri-substituted organostannic compounds</t>
  </si>
  <si>
    <t>Not intentionally added.</t>
  </si>
  <si>
    <t>Short chain chlorinated paraffin</t>
  </si>
  <si>
    <t>Not intentionally added. (Only C:10-13 are subject to the regulation.)</t>
  </si>
  <si>
    <t>Asbestos</t>
  </si>
  <si>
    <t>Polychlorinated Terphenyls (PCTs)</t>
  </si>
  <si>
    <t>Content is 50ppm or less.  Not intentionally added.</t>
  </si>
  <si>
    <t>Cobalt dichloride</t>
  </si>
  <si>
    <t>Dimethyl fumarate</t>
  </si>
  <si>
    <t>Content is 0.1ppm or less.  Not intentionally added.</t>
  </si>
  <si>
    <t>Refractory Ceramic Fibers, Aluminosilicate</t>
  </si>
  <si>
    <t>Refractory Ceramic Fibers, Zirconia Aluminosilicate</t>
  </si>
  <si>
    <t>Dibutyltin (DBT) compounds</t>
  </si>
  <si>
    <t>Content is 1000ppm or less by weight of tin in a material.</t>
  </si>
  <si>
    <t xml:space="preserve">Not intentionally added. </t>
  </si>
  <si>
    <t>Not intentionally added.  (Only battery is targeted by this survey. No response is necessary except battery)</t>
  </si>
  <si>
    <t>Not intentionally added, and content of coating agent is less than1μg/m2 and content of the others is 1000ppm or less.</t>
  </si>
  <si>
    <t>Ozone-depleting substances</t>
  </si>
  <si>
    <t>Disodium tetraborate, anhydrous, Tetraboron disodium heptaoxide, hydrate</t>
    <phoneticPr fontId="7"/>
  </si>
  <si>
    <t>-</t>
  </si>
  <si>
    <t>8(b)</t>
  </si>
  <si>
    <t>7(a)</t>
  </si>
  <si>
    <t>5(b)</t>
  </si>
  <si>
    <t>6(a)</t>
  </si>
  <si>
    <t>6(b)</t>
  </si>
  <si>
    <t>6(c)</t>
  </si>
  <si>
    <t>13(a)</t>
  </si>
  <si>
    <t>3(a)</t>
  </si>
  <si>
    <t>3(b)</t>
  </si>
  <si>
    <t>3(c)</t>
  </si>
  <si>
    <t>4(e)</t>
  </si>
  <si>
    <t>4(f)</t>
  </si>
  <si>
    <t>Used in rubber or plastic components that come into direct as well as prolonged or shortterm repetitive contact with the human skin or the oral cavity.</t>
  </si>
  <si>
    <t>7(c)-IV</t>
    <phoneticPr fontId="7"/>
  </si>
  <si>
    <t xml:space="preserve"> A (appendix). RoHS </t>
  </si>
  <si>
    <t xml:space="preserve"> B (appendix). Others</t>
  </si>
  <si>
    <t>B.Others</t>
  </si>
  <si>
    <t>A.RoHS</t>
    <phoneticPr fontId="7"/>
  </si>
  <si>
    <t>Hexabromocyclododecane (HBCDD)</t>
    <phoneticPr fontId="7"/>
  </si>
  <si>
    <t>Content is less than 1ppm regarding target  PAHs *4).</t>
  </si>
  <si>
    <t>&lt; Yes / No &gt;</t>
  </si>
  <si>
    <t>&lt; AnnexIII                  / AnnexIV &gt;</t>
  </si>
  <si>
    <r>
      <rPr>
        <sz val="11"/>
        <rFont val="ＭＳ Ｐゴシック"/>
        <family val="3"/>
        <charset val="128"/>
      </rPr>
      <t>　</t>
    </r>
  </si>
  <si>
    <t>&lt; Applicable                  / Not Applicable &gt;</t>
  </si>
  <si>
    <t>Note) When "Not Applicable" and/or "Used" is selected on the Result, the part or material is prohibited by the SHARP standard.</t>
  </si>
  <si>
    <t>Polycyclic aromatic hydrocarbons (PAHs)</t>
    <phoneticPr fontId="7"/>
  </si>
  <si>
    <t>- 1/3 -</t>
    <phoneticPr fontId="7"/>
  </si>
  <si>
    <t>- 2/3 -</t>
    <phoneticPr fontId="7"/>
  </si>
  <si>
    <t>- 3/3 -</t>
    <phoneticPr fontId="7"/>
  </si>
  <si>
    <t>- 1/1 -</t>
    <phoneticPr fontId="7"/>
  </si>
  <si>
    <t>- 1/2 -</t>
    <phoneticPr fontId="7"/>
  </si>
  <si>
    <t>- 2/2 -</t>
    <phoneticPr fontId="7"/>
  </si>
  <si>
    <t>&lt; Used / Not Used &gt;</t>
  </si>
  <si>
    <t>　</t>
  </si>
  <si>
    <t>Date (yyyy/mm/dd)</t>
    <phoneticPr fontId="7"/>
  </si>
  <si>
    <t>Company Name</t>
    <phoneticPr fontId="7"/>
  </si>
  <si>
    <t>Department</t>
    <phoneticPr fontId="7"/>
  </si>
  <si>
    <t>A.RoHS-related</t>
    <phoneticPr fontId="7"/>
  </si>
  <si>
    <t>Information on surveyed product</t>
    <phoneticPr fontId="7"/>
  </si>
  <si>
    <t>A1.Presence of banned substances in the product</t>
    <phoneticPr fontId="7"/>
  </si>
  <si>
    <t>Substances</t>
  </si>
  <si>
    <t>Substances</t>
    <phoneticPr fontId="7"/>
  </si>
  <si>
    <t>Result</t>
    <phoneticPr fontId="7"/>
  </si>
  <si>
    <t>A2.Presence of banned substances depending on application</t>
    <phoneticPr fontId="7"/>
  </si>
  <si>
    <t>Substances</t>
    <phoneticPr fontId="7"/>
  </si>
  <si>
    <t>*1) Unit for calculating content rate is homogeneous material if not otherwise specified.</t>
    <phoneticPr fontId="7"/>
  </si>
  <si>
    <t>*2) On EU Directive on Packaging etc., for packaging part and packaging material, the total concentration of these four heavy metals in part/material, ink and paint which constitute a package is100ppm or less each.</t>
    <phoneticPr fontId="7"/>
  </si>
  <si>
    <t>B1.Presence of banned substances in the product</t>
    <phoneticPr fontId="7"/>
  </si>
  <si>
    <t>Substances</t>
    <phoneticPr fontId="7"/>
  </si>
  <si>
    <t>*1) Unit for calculating content rate is homogeneous material if not otherwise specified.</t>
    <phoneticPr fontId="7"/>
  </si>
  <si>
    <t>B2.Presence of banned substances depending on application</t>
    <phoneticPr fontId="7"/>
  </si>
  <si>
    <t>*2) As for "Perfluorooctane sulfonate (PFOSs) and its salt", Scoped substances CAS No. (1763-23-1, 307-35-7, 29457-72-5, 2795-39-3).</t>
    <phoneticPr fontId="7"/>
  </si>
  <si>
    <t>*3) Total content of substances with following CAS No. (335-67-1, 3825-26-1, 335-95-5, 2395-00-8, 335-93-3, 335-66-0, 376-27-2, 3108-24-5).</t>
    <phoneticPr fontId="7"/>
  </si>
  <si>
    <t>*4) Scoped substances CAS No. (50-32-8, 192-97-2, 56-55-3, 218-01-9, 205-99-2, 205-82-3, 207-08-9, 53-70-3).</t>
    <phoneticPr fontId="7"/>
  </si>
  <si>
    <t>B3.Ozone-depleting substances contained in the product or used in manufacturing</t>
    <phoneticPr fontId="7"/>
  </si>
  <si>
    <t>Substances</t>
    <phoneticPr fontId="7"/>
  </si>
  <si>
    <t xml:space="preserve">Check point (Criteria) *1) </t>
    <phoneticPr fontId="7"/>
  </si>
  <si>
    <t xml:space="preserve">(1) Not contained in part/materials. </t>
    <phoneticPr fontId="7"/>
  </si>
  <si>
    <t>(2) Using printed wiring boards (PWBs) in the product</t>
    <phoneticPr fontId="7"/>
  </si>
  <si>
    <t>(3) Not used in the rinse process. (If the result in the item (2) is YES only, answer this item)
(Even if "Not used" is selected, that means you didn't use these substances to rinse process, describe rinse solution and method of the rinse process.)</t>
  </si>
  <si>
    <t>*1) Regarding Ozone-depleting substances, scoped substances are CFC, 1,1,1-trichloroethane, Carbon tetrachloride, Bromochloromethane, Halon, HBFC and HCFC.</t>
    <phoneticPr fontId="7"/>
  </si>
  <si>
    <t>Writer</t>
    <phoneticPr fontId="7"/>
  </si>
  <si>
    <t>Responsible Person</t>
    <phoneticPr fontId="7"/>
  </si>
  <si>
    <t>A2-Appendix</t>
    <phoneticPr fontId="7"/>
  </si>
  <si>
    <t>Check point (Criteria)</t>
    <phoneticPr fontId="7"/>
  </si>
  <si>
    <t>RoHS Exemption *1)</t>
    <phoneticPr fontId="7"/>
  </si>
  <si>
    <t>Cadmium and its compound</t>
    <phoneticPr fontId="7"/>
  </si>
  <si>
    <t>Used for electrical contacts.</t>
    <phoneticPr fontId="7"/>
  </si>
  <si>
    <t>EU RoHS directive Annex No. :</t>
    <phoneticPr fontId="7"/>
  </si>
  <si>
    <t>RoHS Exemption No. :</t>
    <phoneticPr fontId="7"/>
  </si>
  <si>
    <t>Lead and its compound</t>
    <phoneticPr fontId="7"/>
  </si>
  <si>
    <t>Contained as an alloying element</t>
    <phoneticPr fontId="7"/>
  </si>
  <si>
    <t>EU RoHS directive Annex No. :</t>
    <phoneticPr fontId="7"/>
  </si>
  <si>
    <t>Mercury and its compound</t>
    <phoneticPr fontId="7"/>
  </si>
  <si>
    <t>Used in metal halide lamps (MH).</t>
    <phoneticPr fontId="7"/>
  </si>
  <si>
    <t>*1) The number of this column is that of an exempted application of EU RoHS directive Annex III (2011/65/EU) .</t>
    <phoneticPr fontId="7"/>
  </si>
  <si>
    <t>B2-Appendix</t>
    <phoneticPr fontId="7"/>
  </si>
  <si>
    <t>Beryllium and its compound</t>
    <phoneticPr fontId="7"/>
  </si>
  <si>
    <t>Azo colorants</t>
    <phoneticPr fontId="7"/>
  </si>
  <si>
    <t>Polyvinyl Chloride and its copolymer</t>
    <phoneticPr fontId="7"/>
  </si>
  <si>
    <t>Phthalates other than the four RoHS related Phthalates.</t>
    <phoneticPr fontId="7"/>
  </si>
  <si>
    <t>Radioactive substances</t>
    <phoneticPr fontId="7"/>
  </si>
  <si>
    <t>Perfluorooctane sulfonate (PFOSs)</t>
    <phoneticPr fontId="7"/>
  </si>
  <si>
    <t>Fluorinated greenhouse gases (HFC, PFC, SF6)</t>
    <phoneticPr fontId="7"/>
  </si>
  <si>
    <t>Formaldehyde</t>
    <phoneticPr fontId="7"/>
  </si>
  <si>
    <t>Perchlorates</t>
    <phoneticPr fontId="7"/>
  </si>
  <si>
    <t>Arsenic and its compound</t>
    <phoneticPr fontId="7"/>
  </si>
  <si>
    <t>Boric acid</t>
    <phoneticPr fontId="7"/>
  </si>
  <si>
    <t>Disodium tetraborate, anhydrous, Tetraboron disodium heptaoxide, hydrate</t>
  </si>
  <si>
    <t>Dioctyltin (DOT) compounds</t>
    <phoneticPr fontId="7"/>
  </si>
  <si>
    <t>Perfluorooctanoic acid (PFOA) and its salts and esters of PFOA</t>
    <phoneticPr fontId="7"/>
  </si>
  <si>
    <t>Chlorinated flame retardants</t>
    <phoneticPr fontId="7"/>
  </si>
  <si>
    <t>Polycyclic aromatic hydrocarbons (PAHs)</t>
  </si>
  <si>
    <t>Using Diarsenic Pentoxide</t>
    <phoneticPr fontId="7"/>
  </si>
  <si>
    <t>Used in the other than the following (3)-(4).</t>
    <phoneticPr fontId="7"/>
  </si>
  <si>
    <t>Used for the exception items.</t>
    <phoneticPr fontId="7"/>
  </si>
  <si>
    <t>Used for applications below;</t>
    <phoneticPr fontId="7"/>
  </si>
  <si>
    <t>B2.Others Presence of banned substances depending on application</t>
    <phoneticPr fontId="7"/>
  </si>
  <si>
    <t>Phenol,2-(2H-benzotriazol-2-yl)-4,6-bis(1,1-dimethylethyl)</t>
    <phoneticPr fontId="7"/>
  </si>
  <si>
    <t>Polychlorinated naphthalenes</t>
    <phoneticPr fontId="7"/>
  </si>
  <si>
    <t>A2.RoHS-related Presence of banned substances depending on application</t>
    <phoneticPr fontId="7"/>
  </si>
  <si>
    <t>A1.RoHS-related Presence of banned substances in the product</t>
    <phoneticPr fontId="7"/>
  </si>
  <si>
    <t>Perfluorooctanoic acid (PFOA) and its salts and esters of PFOA</t>
    <phoneticPr fontId="7"/>
  </si>
  <si>
    <t>&lt;-</t>
    <phoneticPr fontId="7"/>
  </si>
  <si>
    <t>Boric acid</t>
    <phoneticPr fontId="7"/>
  </si>
  <si>
    <t>Phthalates</t>
    <phoneticPr fontId="7"/>
  </si>
  <si>
    <t>List of surveyed substances</t>
  </si>
  <si>
    <t xml:space="preserve"> [There is no need to attach this sheet]</t>
    <phoneticPr fontId="7"/>
  </si>
  <si>
    <t>Remarks (Change etc.)</t>
    <phoneticPr fontId="7"/>
  </si>
  <si>
    <t>Polychlorinated naphthalenes</t>
  </si>
  <si>
    <t>Not intentionally added.  (Chlorine atom 1-8 are subject to the regulation.)</t>
  </si>
  <si>
    <t>Phenol,2-(2H-benzotriazol-2-yl)-4,6-bis(1,1-dimethylethyl)</t>
  </si>
  <si>
    <t>Hexabromocyclododecane (HBCDD)</t>
  </si>
  <si>
    <t xml:space="preserve">Content is 1000ppm or less regarding other than following four phthalates. 
Bis(2-ethylhexyl)phthalate:DEHP, Dibutyl phthalate: DBP, Bis(butylbenzyl) phthalate: BBP, Diisobutyl phthalate: DIBP, </t>
  </si>
  <si>
    <t>Not intentionally added, and Content in substance/preparation is 50ppm or less, Content of sub-product/article etc. except substance/preparation is 1000ppm or less, Content of coating agent is 1μg/m2 or less.</t>
  </si>
  <si>
    <t>Wood component: atmospheric concentration is 0.1ppm or less (by the chamber method).
Plastics/fibers: content is 75ppm or less.</t>
  </si>
  <si>
    <t>Rinse solution：</t>
  </si>
  <si>
    <t>Rinse method：</t>
  </si>
  <si>
    <t>Using exemptions listed in EU RoHS directive other than above and having permission from adoption decision.</t>
  </si>
  <si>
    <t>Used in high-melting point solder (lead-based alloys containing 85 % by weight or more lead).</t>
  </si>
  <si>
    <t>Used in PZT-based dielectric ceramic materials in a capacitor part of an IC chip or a discrete semiconductor. (single function semiconductor)</t>
  </si>
  <si>
    <t>Used in every application other than the following (2)-(5).</t>
  </si>
  <si>
    <t>Used in a contact part with human body of a product (e.g.：electric carpet, earphone, strap and etc.) which is manufactured based on the premise that the product continuously contacts human body, and may produce carcinogenic amine over 30ppm when discomposed.</t>
  </si>
  <si>
    <t>Diisononyl Phthalate:DINP, Diisodecyl phthalate:DIDP or Di-n-octyl phthalate:DNOP is used in parts/materials that is used in products for children 12 and under (over 1000ppm in total).</t>
  </si>
  <si>
    <t>Used in the other than the following (2)-(3).</t>
  </si>
  <si>
    <t>Used in the other than the following (2)-(4).</t>
  </si>
  <si>
    <t>Used in the other than the above (1)-(2).</t>
  </si>
  <si>
    <t>Used in a direct human body contact part of a product which is intended to continuously contact with human body.
(e.g.: electric carpet, earphone, strap and etc.)</t>
    <phoneticPr fontId="7"/>
  </si>
  <si>
    <t>Used for two-component room temperature vulcanisation moulding kits (RTV-2 moulding kits).</t>
  </si>
  <si>
    <t>3) Manufacturer's Model Code</t>
    <phoneticPr fontId="7"/>
  </si>
  <si>
    <t>4) Product Weight [g]</t>
    <phoneticPr fontId="7"/>
  </si>
  <si>
    <r>
      <t>&lt; Meet criteria: "Applicable"</t>
    </r>
    <r>
      <rPr>
        <sz val="11"/>
        <color theme="1"/>
        <rFont val="ＭＳ Ｐゴシック"/>
        <family val="3"/>
        <charset val="128"/>
      </rPr>
      <t>、</t>
    </r>
    <r>
      <rPr>
        <sz val="11"/>
        <color theme="1"/>
        <rFont val="Arial"/>
        <family val="2"/>
      </rPr>
      <t>Do not meet criteria: "Not Applicable" &gt;</t>
    </r>
    <phoneticPr fontId="7"/>
  </si>
  <si>
    <t xml:space="preserve">Check point (Criteria) *1) </t>
    <phoneticPr fontId="7"/>
  </si>
  <si>
    <t xml:space="preserve">Check point (Criteria) *1) </t>
    <phoneticPr fontId="7"/>
  </si>
  <si>
    <t>B.Others</t>
    <phoneticPr fontId="7"/>
  </si>
  <si>
    <r>
      <t>&lt; Meet criteria: "Applicable"</t>
    </r>
    <r>
      <rPr>
        <sz val="11"/>
        <color theme="1"/>
        <rFont val="ＭＳ Ｐゴシック"/>
        <family val="3"/>
        <charset val="128"/>
      </rPr>
      <t>、</t>
    </r>
    <r>
      <rPr>
        <sz val="11"/>
        <color theme="1"/>
        <rFont val="Arial"/>
        <family val="2"/>
      </rPr>
      <t>Do not meet criteria: "Not Applicable" &gt;</t>
    </r>
    <phoneticPr fontId="7"/>
  </si>
  <si>
    <t>Check point (Criteria) *1)</t>
    <phoneticPr fontId="7"/>
  </si>
  <si>
    <t>&lt;Continued on the next page.&gt;</t>
    <phoneticPr fontId="7"/>
  </si>
  <si>
    <t>&lt; Continued from the previous page.&gt;</t>
    <phoneticPr fontId="7"/>
  </si>
  <si>
    <t>(c) Used less than 4% by weight in copper alloy.</t>
    <phoneticPr fontId="7"/>
  </si>
  <si>
    <t>(c) Long length (&gt; 1500 mm): under 13mg</t>
    <phoneticPr fontId="7"/>
  </si>
  <si>
    <t>(a) Used less than 0.35% by weight in steel alloy.</t>
    <phoneticPr fontId="7"/>
  </si>
  <si>
    <t>(b) Used less than 0.4% by weight in aluminium alloy.</t>
    <phoneticPr fontId="7"/>
  </si>
  <si>
    <r>
      <t>(a) Short length (</t>
    </r>
    <r>
      <rPr>
        <sz val="11"/>
        <color theme="1"/>
        <rFont val="ＭＳ Ｐゴシック"/>
        <family val="3"/>
        <charset val="128"/>
      </rPr>
      <t>≤</t>
    </r>
    <r>
      <rPr>
        <sz val="11"/>
        <color theme="1"/>
        <rFont val="Arial"/>
        <family val="2"/>
      </rPr>
      <t xml:space="preserve"> 500 mm): under 3.5mg</t>
    </r>
    <phoneticPr fontId="7"/>
  </si>
  <si>
    <r>
      <t xml:space="preserve">(b) Medium length (&gt; 500 mm and </t>
    </r>
    <r>
      <rPr>
        <sz val="11"/>
        <color theme="1"/>
        <rFont val="ＭＳ Ｐゴシック"/>
        <family val="3"/>
        <charset val="128"/>
      </rPr>
      <t>≤</t>
    </r>
    <r>
      <rPr>
        <sz val="11"/>
        <color theme="1"/>
        <rFont val="Arial"/>
        <family val="2"/>
      </rPr>
      <t xml:space="preserve"> 1500 mm): under 5mg</t>
    </r>
    <phoneticPr fontId="7"/>
  </si>
  <si>
    <t>&lt; Continued on the next page.&gt;</t>
    <phoneticPr fontId="7"/>
  </si>
  <si>
    <t>&lt; Continued from the previous page.&gt;</t>
    <phoneticPr fontId="7"/>
  </si>
  <si>
    <t>(a) Alloy</t>
    <phoneticPr fontId="7"/>
  </si>
  <si>
    <t>(b) Ceramics</t>
    <phoneticPr fontId="7"/>
  </si>
  <si>
    <t>(c) Glass</t>
    <phoneticPr fontId="7"/>
  </si>
  <si>
    <t>(d) Semiconductor</t>
    <phoneticPr fontId="7"/>
  </si>
  <si>
    <t>(a) Semiconductor</t>
    <phoneticPr fontId="7"/>
  </si>
  <si>
    <t>(b) Resist</t>
    <phoneticPr fontId="7"/>
  </si>
  <si>
    <t>(c) Magnet filter</t>
    <phoneticPr fontId="7"/>
  </si>
  <si>
    <t>(e) Battery</t>
    <phoneticPr fontId="7"/>
  </si>
  <si>
    <t xml:space="preserve">(a) Polarizers (made of PVA) </t>
    <phoneticPr fontId="7"/>
  </si>
  <si>
    <t>(b) Glass</t>
    <phoneticPr fontId="7"/>
  </si>
  <si>
    <t>(c) Adhensive agent</t>
    <phoneticPr fontId="7"/>
  </si>
  <si>
    <t>(a) Polarizers (made of PVA)</t>
    <phoneticPr fontId="7"/>
  </si>
  <si>
    <t>(d) Fiber</t>
    <phoneticPr fontId="7"/>
  </si>
  <si>
    <t>(d) Copper foil</t>
    <phoneticPr fontId="7"/>
  </si>
  <si>
    <t>(                                                                                                                                                                  )</t>
    <phoneticPr fontId="7"/>
  </si>
  <si>
    <r>
      <t>This report consists of following sheets</t>
    </r>
    <r>
      <rPr>
        <sz val="11"/>
        <color indexed="8"/>
        <rFont val="MS UI Gothic"/>
        <family val="3"/>
        <charset val="128"/>
      </rPr>
      <t>：</t>
    </r>
    <phoneticPr fontId="7"/>
  </si>
  <si>
    <t xml:space="preserve"> Sheet</t>
  </si>
  <si>
    <t xml:space="preserve"> Sheet</t>
    <phoneticPr fontId="7"/>
  </si>
  <si>
    <t xml:space="preserve"> Content</t>
  </si>
  <si>
    <t xml:space="preserve"> Content</t>
    <phoneticPr fontId="7"/>
  </si>
  <si>
    <t xml:space="preserve"> A1. Presence of banned substances in the product</t>
  </si>
  <si>
    <t xml:space="preserve"> A2. Presence of banned substances depending on application</t>
  </si>
  <si>
    <t xml:space="preserve"> B1. Presence of banned substances in the product</t>
  </si>
  <si>
    <t xml:space="preserve"> B2. Presence of banned substances depending on application</t>
  </si>
  <si>
    <t xml:space="preserve"> B3. Ozone-depleting substances contained in the product or used in manufacturing</t>
  </si>
  <si>
    <t xml:space="preserve"> A2-Appendix</t>
  </si>
  <si>
    <t xml:space="preserve"> B2-Appendix</t>
  </si>
  <si>
    <t xml:space="preserve">Regarding "A2-Appendix" and "B2-Appendix", </t>
  </si>
  <si>
    <t>please attach when the "banned substances depending on application" in A2 and/or B2 are contained.</t>
  </si>
  <si>
    <t>When inputting into each sheet directly,</t>
    <phoneticPr fontId="7"/>
  </si>
  <si>
    <t>please select the answer from the drop-down list of each criteria.</t>
    <phoneticPr fontId="7"/>
  </si>
  <si>
    <t xml:space="preserve">In case of changing the description of this report, </t>
    <phoneticPr fontId="7"/>
  </si>
  <si>
    <t>please send promptly the revised report to Sharp.</t>
    <phoneticPr fontId="7"/>
  </si>
  <si>
    <t>In the fields of "Information on surveyed product" on the sheet "A. RoHS", please fill the contents below:</t>
    <phoneticPr fontId="7"/>
  </si>
  <si>
    <t>Please fill the contents below:</t>
    <phoneticPr fontId="7"/>
  </si>
  <si>
    <t>"Date"</t>
    <phoneticPr fontId="7"/>
  </si>
  <si>
    <t>"Company name", "Department"</t>
    <phoneticPr fontId="7"/>
  </si>
  <si>
    <t>"Writer"</t>
    <phoneticPr fontId="7"/>
  </si>
  <si>
    <t>The name of the product which you deliver</t>
  </si>
  <si>
    <t>The product code assigned by Sharp</t>
  </si>
  <si>
    <t>The model code assigned by your company</t>
  </si>
  <si>
    <t>The weight of the product which you deliver</t>
  </si>
  <si>
    <t>Fields</t>
    <phoneticPr fontId="7"/>
  </si>
  <si>
    <r>
      <t>3</t>
    </r>
    <r>
      <rPr>
        <sz val="11"/>
        <color theme="1"/>
        <rFont val="ＭＳ Ｐゴシック"/>
        <family val="3"/>
        <charset val="128"/>
      </rPr>
      <t>）</t>
    </r>
    <r>
      <rPr>
        <sz val="11"/>
        <color theme="1"/>
        <rFont val="Arial"/>
        <family val="2"/>
      </rPr>
      <t xml:space="preserve"> Manufacturer's Model Code</t>
    </r>
  </si>
  <si>
    <r>
      <t>4</t>
    </r>
    <r>
      <rPr>
        <sz val="11"/>
        <color theme="1"/>
        <rFont val="ＭＳ Ｐゴシック"/>
        <family val="3"/>
        <charset val="128"/>
      </rPr>
      <t>）</t>
    </r>
    <r>
      <rPr>
        <sz val="11"/>
        <color theme="1"/>
        <rFont val="Arial"/>
        <family val="2"/>
      </rPr>
      <t xml:space="preserve"> Product Weight [g]</t>
    </r>
  </si>
  <si>
    <t>Phthalates other than the four RoHS-related Phthalates.</t>
    <phoneticPr fontId="7"/>
  </si>
  <si>
    <t>"Responsible Person" (Signature or, input and seal)</t>
    <phoneticPr fontId="7"/>
  </si>
  <si>
    <t>Regarding items whose confirmatory result are "Not Applicable" in clause A2, "X" are entered in the result column as the result of the confirmation pursuant to the criteria.</t>
    <phoneticPr fontId="7"/>
  </si>
  <si>
    <t>Regarding items whose confirmatory result are "Not Applicable" in clause B2, "X" are entered in the result column as the result of the confirmation pursuant to the criteria.</t>
    <phoneticPr fontId="7"/>
  </si>
  <si>
    <t xml:space="preserve"> </t>
    <phoneticPr fontId="7"/>
  </si>
  <si>
    <t>Content is 1000ppm or less, respectively._x000D_
 _x000D_In case of use in toy, total content of 3 substances (DEHP, DBP, BBP) is 1000ppm or less.</t>
    <phoneticPr fontId="7"/>
  </si>
  <si>
    <r>
      <t>1</t>
    </r>
    <r>
      <rPr>
        <sz val="11"/>
        <color theme="1"/>
        <rFont val="ＭＳ Ｐゴシック"/>
        <family val="3"/>
        <charset val="128"/>
      </rPr>
      <t>）</t>
    </r>
    <r>
      <rPr>
        <sz val="11"/>
        <color theme="1"/>
        <rFont val="Arial"/>
        <family val="2"/>
      </rPr>
      <t xml:space="preserve"> Sharp Part Code</t>
    </r>
    <phoneticPr fontId="7"/>
  </si>
  <si>
    <r>
      <t>2</t>
    </r>
    <r>
      <rPr>
        <sz val="11"/>
        <color theme="1"/>
        <rFont val="ＭＳ Ｐゴシック"/>
        <family val="3"/>
        <charset val="128"/>
      </rPr>
      <t>）</t>
    </r>
    <r>
      <rPr>
        <sz val="11"/>
        <color theme="1"/>
        <rFont val="Arial"/>
        <family val="2"/>
      </rPr>
      <t xml:space="preserve"> Product Name</t>
    </r>
    <phoneticPr fontId="7"/>
  </si>
  <si>
    <t xml:space="preserve">  (Former name: Report on Environmental Impact Substances Contained in the Product)</t>
    <phoneticPr fontId="7"/>
  </si>
  <si>
    <t>Tris (2-chloroethyl) phosphate (TCEP)</t>
  </si>
  <si>
    <t>Red phosphorus</t>
  </si>
  <si>
    <t>(Required fields)  Reason for "difficult to substitute" and Point of use</t>
    <phoneticPr fontId="7"/>
  </si>
  <si>
    <t>Used in plastic  or rubber.</t>
    <phoneticPr fontId="7"/>
  </si>
  <si>
    <t xml:space="preserve">Used in the above (1) , and it is difficult to substitute, and a permission from the adoption decision department in Sharp was obtained.
</t>
    <phoneticPr fontId="7"/>
  </si>
  <si>
    <t>No.</t>
    <phoneticPr fontId="7"/>
  </si>
  <si>
    <t>&lt;-</t>
  </si>
  <si>
    <t>Benzenamine, N-phenyl-, reaction products with styrene and 2,4,4-trimethylpentene (BNST)</t>
    <phoneticPr fontId="7"/>
  </si>
  <si>
    <t>-</t>
    <phoneticPr fontId="7"/>
  </si>
  <si>
    <t>No.</t>
    <phoneticPr fontId="7"/>
  </si>
  <si>
    <t>EU REACH regulation Annex XVII</t>
    <phoneticPr fontId="7"/>
  </si>
  <si>
    <t>EU REACH regulation Annex XVII</t>
    <phoneticPr fontId="7"/>
  </si>
  <si>
    <t>Japan CSCL</t>
    <phoneticPr fontId="7"/>
  </si>
  <si>
    <t>(EU REACH regulation)</t>
  </si>
  <si>
    <t>EU RoHS directive, EU REACH regulation Annex XVII</t>
  </si>
  <si>
    <t>Japan CSCL, EU RoHS directive, EU REACH regulation Annex XVII</t>
  </si>
  <si>
    <t>EU RoHS directive, EU REACH regulation Annex XVII, USA CPSIA</t>
  </si>
  <si>
    <t>Japan CSCL, EU REACH regulation Annex XVII</t>
  </si>
  <si>
    <t>Japan CSCL, EU POPs regulation Annex I</t>
  </si>
  <si>
    <t>EU REACH regulation Annex XVII, EU POPs regulation Annex I</t>
  </si>
  <si>
    <t>Japan CSCL, EU POPs regulation</t>
  </si>
  <si>
    <t>EU REACH regulation Annex XVII, USA CPSIA</t>
  </si>
  <si>
    <t xml:space="preserve">Act on Prevention of Radiation Hazards due to Radioisotopes, etc., Act on the Regulation of Nuclear Source Material, Nuclear Fuel Material and Reactors
</t>
  </si>
  <si>
    <t>Japan Industrial Safety and Health Act, EU REACH regulation Annex XVII</t>
    <phoneticPr fontId="7"/>
  </si>
  <si>
    <t>EU REACH regulation Annex XVII</t>
    <phoneticPr fontId="7"/>
  </si>
  <si>
    <t>Japan CSCL, EU POPs regulation Annex I, Canadian Environmental Protection Act</t>
    <phoneticPr fontId="7"/>
  </si>
  <si>
    <t>USA VT Act85, (EU REACH regulation)</t>
  </si>
  <si>
    <t>USA VT Act85</t>
    <phoneticPr fontId="7"/>
  </si>
  <si>
    <t>EU RoHS directive(EU COMMISSION DELEGATED DIRECTIVE 2015/863)</t>
  </si>
  <si>
    <t>EU RoHS directive(EU COMMISSION DELEGATED DIRECTIVE 2015/863), EU REACH regulation Annex XVII, USA CPSIA</t>
  </si>
  <si>
    <t>EU F-Gas Regulation(517/2014)</t>
  </si>
  <si>
    <t>(EU REACH regulation) (*)</t>
    <phoneticPr fontId="7"/>
  </si>
  <si>
    <t>Germany Chem Verbots V, Denmark formaldehyde regulations</t>
    <phoneticPr fontId="7"/>
  </si>
  <si>
    <t>Norway Product Regulation</t>
    <phoneticPr fontId="7"/>
  </si>
  <si>
    <t>USA CA Perchlorate management rules</t>
    <phoneticPr fontId="7"/>
  </si>
  <si>
    <t xml:space="preserve">Montreal Protocol, USA Chlorofluorocarbon tax </t>
    <phoneticPr fontId="7"/>
  </si>
  <si>
    <t>&lt;Sharp own forbiddance&gt;</t>
  </si>
  <si>
    <t>Main reference laws etc.</t>
    <phoneticPr fontId="7"/>
  </si>
  <si>
    <t>List of main reference laws</t>
    <phoneticPr fontId="7"/>
  </si>
  <si>
    <t>A1.RoHS-related Presence of banned substances in the product</t>
  </si>
  <si>
    <t>Hexavalent chromium compound</t>
  </si>
  <si>
    <t>A2.RoHS-related Presence of banned substances depending on application</t>
  </si>
  <si>
    <t>Cadmium and its  compound</t>
  </si>
  <si>
    <t>Lead and its compound</t>
  </si>
  <si>
    <t>Mercury and its compound</t>
  </si>
  <si>
    <t>B1.Others Presence of banned substances in the product</t>
  </si>
  <si>
    <t>B2.Others Presence of banned substances depending on application</t>
  </si>
  <si>
    <t>Phthalates</t>
  </si>
  <si>
    <t>Perfluorooctane sulfonate (PFOSs)</t>
  </si>
  <si>
    <t>Perfluorooctanoic acid (PFOA) and its salts and esters of PFOA</t>
  </si>
  <si>
    <t>Tris(2-chloro-1-methylethyl) phosphate (TCPP)</t>
  </si>
  <si>
    <t>Tris(1,3-dichloro-2-propyl) phosphate (TDCPP)</t>
  </si>
  <si>
    <t>B3.Others Ozone-depleting substances contained in the product or used in manufacturing</t>
  </si>
  <si>
    <t>(*)  "(EU REACH regulation)" means the substance which was listed in Authorisation List of SVHC.</t>
    <phoneticPr fontId="7"/>
  </si>
  <si>
    <t>1) Sharp Part Code</t>
    <phoneticPr fontId="7"/>
  </si>
  <si>
    <t>2) Product Name</t>
    <phoneticPr fontId="7"/>
  </si>
  <si>
    <t>We report the following verified results on the chemical substances.</t>
    <phoneticPr fontId="7"/>
  </si>
  <si>
    <t>Note) When the result shows "Not Applicable", the product is not adopted by SHARP in principle.</t>
    <phoneticPr fontId="7"/>
  </si>
  <si>
    <r>
      <t>&lt; Meet criteria: "Applicable"</t>
    </r>
    <r>
      <rPr>
        <sz val="11"/>
        <rFont val="ＭＳ Ｐゴシック"/>
        <family val="3"/>
        <charset val="128"/>
      </rPr>
      <t>、</t>
    </r>
    <r>
      <rPr>
        <sz val="11"/>
        <rFont val="Arial"/>
        <family val="2"/>
      </rPr>
      <t>Do not meet criteria: "Not Applicable" &gt;</t>
    </r>
    <phoneticPr fontId="7"/>
  </si>
  <si>
    <t>Content in plastics is 300ppm or less. Content in others is 1000ppm or less. Regarding batteries, complying with the EU Battery Directive (2006/66/EC, 2013/56/EU).
However, in case of use in toy/products for children, answer related criteria in A2-Appendix Table.</t>
    <phoneticPr fontId="7"/>
  </si>
  <si>
    <t>When the result shows "Not Applicable", we complete the A2-Appendix where the use of each substance is detailed and attach it.</t>
    <phoneticPr fontId="7"/>
  </si>
  <si>
    <t>Content is 100ppm or less.  Not intentionally added.</t>
    <phoneticPr fontId="7"/>
  </si>
  <si>
    <t>Nickel and its compound</t>
    <phoneticPr fontId="7"/>
  </si>
  <si>
    <t>Tris (2-chloroethyl) phosphate (TCEP)</t>
    <phoneticPr fontId="7"/>
  </si>
  <si>
    <t>Tris(2-chloro-1-methylethyl) phosphate
(TCPP)</t>
    <phoneticPr fontId="7"/>
  </si>
  <si>
    <t>Tris(1,3-dichloro-2-propyl) phosphate
(TDCPP)</t>
    <phoneticPr fontId="7"/>
  </si>
  <si>
    <t>When the result shows "Not Applicable", we complete the B2-Appendix where the use of each substance is detailed and attach it.</t>
    <phoneticPr fontId="7"/>
  </si>
  <si>
    <t>Nickel and its compound</t>
    <phoneticPr fontId="7"/>
  </si>
  <si>
    <t>(Required fields)  Reason for "difficult to substitute" and Point of use</t>
    <phoneticPr fontId="7"/>
  </si>
  <si>
    <t>Tris (2-chloroethyl) phosphate (TCEP)</t>
    <phoneticPr fontId="7"/>
  </si>
  <si>
    <t>Tris(2-chloro-1-methylethyl) phosphate (TCPP)</t>
    <phoneticPr fontId="7"/>
  </si>
  <si>
    <t>Tris(1,3-dichloro-2-propyl) phosphate (TDCPP)</t>
    <phoneticPr fontId="7"/>
  </si>
  <si>
    <r>
      <rPr>
        <b/>
        <sz val="10"/>
        <rFont val="Arial"/>
        <family val="2"/>
      </rPr>
      <t xml:space="preserve">Note) </t>
    </r>
    <r>
      <rPr>
        <sz val="10"/>
        <rFont val="Arial"/>
        <family val="2"/>
      </rPr>
      <t>All newly-adopted parts and materials.
         Packaging which is used for delivered parts/materials is applied.
         Please report the substances containing in the packaging with the same standard (threshold).
         However, the packaging is not applicable when it is clear that packaging will be discarded at Sharp site 
         and no possibility of migration and adulteration of object substances to the parts and the materials.</t>
    </r>
    <phoneticPr fontId="7"/>
  </si>
  <si>
    <t>Notes for inputting "Report on Chemical Substances Contained in the Product (ver.10.0)"</t>
    <phoneticPr fontId="7"/>
  </si>
  <si>
    <t xml:space="preserve">Report on Chemical Substances Contained in the Product (ver.10.0) </t>
    <phoneticPr fontId="7"/>
  </si>
  <si>
    <r>
      <rPr>
        <sz val="11"/>
        <color theme="1"/>
        <rFont val="ＭＳ Ｐゴシック"/>
        <family val="3"/>
        <charset val="128"/>
      </rPr>
      <t>("Signature" OR "input name and Seal"</t>
    </r>
    <r>
      <rPr>
        <sz val="11"/>
        <color theme="1"/>
        <rFont val="Arial"/>
        <family val="2"/>
      </rPr>
      <t>)</t>
    </r>
    <phoneticPr fontId="7"/>
  </si>
  <si>
    <t>Used in striking optical filter glass types, excluding applications falling under point 39 of EU RoHS directive annex III  [Expires on 21 July 2020 *2)]</t>
    <phoneticPr fontId="7"/>
  </si>
  <si>
    <t>13(b)-(II)</t>
  </si>
  <si>
    <t>Used in white glass used for an optical purpose  [Expires on 21 July 2020 *2)]</t>
  </si>
  <si>
    <t>13(b)-(III)</t>
  </si>
  <si>
    <t>Used in every application other than the following (2)-(5).</t>
    <phoneticPr fontId="7"/>
  </si>
  <si>
    <t>Used in every application other than the following (4)-(15).</t>
    <phoneticPr fontId="7"/>
  </si>
  <si>
    <t>Used in ion coloured optical filter glass types  [Expires on 21 July 2020 *2)]</t>
  </si>
  <si>
    <t>13(b)-(I)</t>
  </si>
  <si>
    <t>Used in glazes used for reflectance standards  [Expires on 21 July 2020 *2)]</t>
  </si>
  <si>
    <t>Used in bearing shells and bushes for refrigerant- containing hermetic scroll compressors with a stated electrical power input equal or below 9kW for heating, ventilation, air conditioning and refrigeration (HVACR) applications  [Expires on 21 July 2028 *2)]</t>
  </si>
  <si>
    <t>9(b)-I</t>
  </si>
  <si>
    <t>Ver.9.0</t>
    <phoneticPr fontId="7"/>
  </si>
  <si>
    <t>Ver.10.0</t>
    <phoneticPr fontId="7"/>
  </si>
  <si>
    <t>Changed "Check point (Criteria)" of Appendix
(in accordance with exempted application of EU RoHS directive)</t>
    <phoneticPr fontId="7"/>
  </si>
  <si>
    <t>(Deleted)</t>
    <phoneticPr fontId="7"/>
  </si>
  <si>
    <t>Deleted from banned substance (Because it is out of prohibition substance of Canadian regulation)</t>
    <phoneticPr fontId="7"/>
  </si>
  <si>
    <t xml:space="preserve"> Analysis</t>
    <phoneticPr fontId="7"/>
  </si>
  <si>
    <t xml:space="preserve"> Analysis Data List for RoHS</t>
    <phoneticPr fontId="7"/>
  </si>
  <si>
    <t>(5) Precision measurement results (ppm)</t>
    <phoneticPr fontId="44"/>
  </si>
  <si>
    <t>(3) Determination method</t>
    <phoneticPr fontId="44"/>
  </si>
  <si>
    <t>(2) 3σ value (ppm)</t>
    <phoneticPr fontId="44"/>
  </si>
  <si>
    <t>PBDE</t>
    <phoneticPr fontId="44"/>
  </si>
  <si>
    <t>Hexavalent chromium</t>
    <phoneticPr fontId="44"/>
  </si>
  <si>
    <t>Mercury</t>
    <phoneticPr fontId="44"/>
  </si>
  <si>
    <t>Analysis agency/
Responsible person for measurement</t>
    <phoneticPr fontId="40"/>
  </si>
  <si>
    <t>Analyzed section 
( Unit of homogeneous material)</t>
    <phoneticPr fontId="44"/>
  </si>
  <si>
    <t xml:space="preserve">Part name or Manufacturers Part code </t>
    <phoneticPr fontId="44"/>
  </si>
  <si>
    <t>Sign</t>
    <phoneticPr fontId="44"/>
  </si>
  <si>
    <t>http://www.sharp.co.jp/corporate/eco/supplier/g_procure/pdf/analysis_j.pdf</t>
  </si>
  <si>
    <t>- 1/1 -</t>
    <phoneticPr fontId="40"/>
  </si>
  <si>
    <t>Revision point from ver.9.0</t>
    <phoneticPr fontId="7"/>
  </si>
  <si>
    <t>This report name was changed "Report on Environmental Impact Substances Contained in the Product" to "Report on Chemical Substances Contained in the Product".</t>
    <phoneticPr fontId="7"/>
  </si>
  <si>
    <t>C. Communication sheet</t>
    <phoneticPr fontId="7"/>
  </si>
  <si>
    <t>Analysis sheet</t>
    <phoneticPr fontId="7"/>
  </si>
  <si>
    <t>We will abolish this sheet. (Unified to companywide standards)</t>
    <phoneticPr fontId="7"/>
  </si>
  <si>
    <t>*2) It is a date to prohibit use on deliveries to SHARP. The expiry date described here is different from the date regulated by EU RoHS directive (2011/65/EU)</t>
    <phoneticPr fontId="7"/>
  </si>
  <si>
    <t>* Please submit this sheet when submitting to the Mobile Communication Business Unit (Hiroshima).</t>
    <phoneticPr fontId="7"/>
  </si>
  <si>
    <r>
      <rPr>
        <sz val="10"/>
        <color theme="1"/>
        <rFont val="ＭＳ Ｐゴシック"/>
        <family val="3"/>
        <charset val="128"/>
      </rPr>
      <t>　</t>
    </r>
    <r>
      <rPr>
        <sz val="10"/>
        <color theme="1"/>
        <rFont val="Arial"/>
        <family val="2"/>
      </rPr>
      <t>In addition, it is unnecessary to submit Test Reports of analysis agency etc.</t>
    </r>
    <phoneticPr fontId="7"/>
  </si>
  <si>
    <t>(4) Measurement time (sec)</t>
    <phoneticPr fontId="44"/>
  </si>
  <si>
    <t>(2) 3σ value (ppm)</t>
    <phoneticPr fontId="44"/>
  </si>
  <si>
    <t>(1) Measurement results (ppm)</t>
    <phoneticPr fontId="44"/>
  </si>
  <si>
    <t>(2) 3σ value (ppm)</t>
    <phoneticPr fontId="44"/>
  </si>
  <si>
    <t>(1) Measurement results (ppm)</t>
    <phoneticPr fontId="44"/>
  </si>
  <si>
    <t>(5) Precision measurement results (ppm)</t>
    <phoneticPr fontId="44"/>
  </si>
  <si>
    <t>(3) Determination method</t>
    <phoneticPr fontId="44"/>
  </si>
  <si>
    <t>BBP</t>
    <phoneticPr fontId="7"/>
  </si>
  <si>
    <t>DBP</t>
    <phoneticPr fontId="7"/>
  </si>
  <si>
    <t>DEHP</t>
    <phoneticPr fontId="7"/>
  </si>
  <si>
    <t>DIBP</t>
    <phoneticPr fontId="7"/>
  </si>
  <si>
    <t>PBB</t>
    <phoneticPr fontId="44"/>
  </si>
  <si>
    <t>Cadmium</t>
    <phoneticPr fontId="44"/>
  </si>
  <si>
    <t>Lead</t>
    <phoneticPr fontId="44"/>
  </si>
  <si>
    <t>Remark</t>
    <phoneticPr fontId="44"/>
  </si>
  <si>
    <t>RoHS compliant
(Y/N)</t>
    <phoneticPr fontId="44"/>
  </si>
  <si>
    <t>Exemption
No.</t>
    <phoneticPr fontId="44"/>
  </si>
  <si>
    <t>10 substances of RoHS</t>
    <phoneticPr fontId="44"/>
  </si>
  <si>
    <t>Data item</t>
    <phoneticPr fontId="44"/>
  </si>
  <si>
    <t>Pre-treatment method</t>
    <phoneticPr fontId="44"/>
  </si>
  <si>
    <t>Analysis method/
Measurement date</t>
    <phoneticPr fontId="44"/>
  </si>
  <si>
    <t>No</t>
    <phoneticPr fontId="44"/>
  </si>
  <si>
    <t>Sharp Part code</t>
    <phoneticPr fontId="7"/>
  </si>
  <si>
    <t xml:space="preserve"> Responsible person</t>
    <phoneticPr fontId="44"/>
  </si>
  <si>
    <t xml:space="preserve"> Department/
 Position</t>
    <phoneticPr fontId="44"/>
  </si>
  <si>
    <t xml:space="preserve"> Company name</t>
    <phoneticPr fontId="44"/>
  </si>
  <si>
    <r>
      <rPr>
        <b/>
        <sz val="18"/>
        <color indexed="8"/>
        <rFont val="ＭＳ Ｐゴシック"/>
        <family val="3"/>
        <charset val="128"/>
      </rPr>
      <t>＜</t>
    </r>
    <r>
      <rPr>
        <b/>
        <sz val="18"/>
        <color indexed="8"/>
        <rFont val="Arial"/>
        <family val="2"/>
      </rPr>
      <t>Reference only</t>
    </r>
    <r>
      <rPr>
        <b/>
        <sz val="18"/>
        <color indexed="8"/>
        <rFont val="ＭＳ Ｐゴシック"/>
        <family val="3"/>
        <charset val="128"/>
      </rPr>
      <t>＞</t>
    </r>
    <r>
      <rPr>
        <b/>
        <sz val="12"/>
        <color rgb="FFFF0000"/>
        <rFont val="Arial"/>
        <family val="2"/>
      </rPr>
      <t xml:space="preserve"> [There is no need to attach this sheet]</t>
    </r>
    <phoneticPr fontId="40"/>
  </si>
  <si>
    <t>Items of phthalate(DIBP, DEHP, DBP, BBP) have been added.</t>
    <phoneticPr fontId="7"/>
  </si>
  <si>
    <t>B3.Others Ozone-depleting substances contained in the product or used in manufacturing</t>
    <phoneticPr fontId="7"/>
  </si>
  <si>
    <t>Disodium tetraborate, anhydrous, Tetraboron disodium heptaoxide, hydrate</t>
    <phoneticPr fontId="7"/>
  </si>
  <si>
    <t>Perfluorooctane sulfonate (PFOSs)</t>
    <phoneticPr fontId="7"/>
  </si>
  <si>
    <t>&lt;-</t>
    <phoneticPr fontId="7"/>
  </si>
  <si>
    <t>B1.Others Presence of banned substances in the product</t>
    <phoneticPr fontId="7"/>
  </si>
  <si>
    <t>Mercury and its compound</t>
    <phoneticPr fontId="7"/>
  </si>
  <si>
    <t>Lead and its compound</t>
    <phoneticPr fontId="7"/>
  </si>
  <si>
    <t>Cadmium and its  compound</t>
    <phoneticPr fontId="7"/>
  </si>
  <si>
    <t>Hexavalent chromium compound</t>
    <phoneticPr fontId="10"/>
  </si>
  <si>
    <r>
      <rPr>
        <sz val="11"/>
        <color theme="1"/>
        <rFont val="ＭＳ Ｐゴシック"/>
        <family val="3"/>
        <charset val="128"/>
      </rPr>
      <t>・</t>
    </r>
    <r>
      <rPr>
        <sz val="11"/>
        <color theme="1"/>
        <rFont val="Arial"/>
        <family val="2"/>
      </rPr>
      <t>Refer to "international standard IEC 62321-8:2017 of Phthalate Analysis Method" for the details of Analysis method of Phthalate(DIBP, DEHP, DBP and BBP).</t>
    </r>
    <phoneticPr fontId="40"/>
  </si>
  <si>
    <r>
      <rPr>
        <sz val="11"/>
        <color theme="1"/>
        <rFont val="ＭＳ Ｐゴシック"/>
        <family val="3"/>
        <charset val="128"/>
      </rPr>
      <t>・</t>
    </r>
    <r>
      <rPr>
        <sz val="11"/>
        <color theme="1"/>
        <rFont val="Arial"/>
        <family val="2"/>
      </rPr>
      <t>Refer to "Sharp's RoHS analysis method guideline[Ver.2.2]" for the details of Analysis method of Lead, Mercury, Cadmium, Hexavalent chromium, PBB and PBDE.</t>
    </r>
    <phoneticPr fontId="40"/>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yyyy/mm/dd"/>
    <numFmt numFmtId="177" formatCode="&quot;(&quot;General&quot;)&quot;"/>
  </numFmts>
  <fonts count="58">
    <font>
      <sz val="10"/>
      <color theme="1"/>
      <name val="MS UI Gothic"/>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MS UI Gothic"/>
      <family val="3"/>
      <charset val="128"/>
    </font>
    <font>
      <sz val="10"/>
      <name val="Arial"/>
      <family val="2"/>
    </font>
    <font>
      <sz val="11"/>
      <name val="ＭＳ Ｐゴシック"/>
      <family val="3"/>
      <charset val="128"/>
    </font>
    <font>
      <sz val="6"/>
      <name val="ＭＳ Ｐゴシック"/>
      <family val="2"/>
      <charset val="128"/>
      <scheme val="minor"/>
    </font>
    <font>
      <sz val="9"/>
      <color theme="1"/>
      <name val="Arial"/>
      <family val="2"/>
    </font>
    <font>
      <b/>
      <sz val="9"/>
      <color theme="1"/>
      <name val="Arial"/>
      <family val="2"/>
    </font>
    <font>
      <sz val="9"/>
      <name val="Arial"/>
      <family val="2"/>
    </font>
    <font>
      <sz val="11"/>
      <color theme="1"/>
      <name val="ＭＳ Ｐゴシック"/>
      <family val="3"/>
      <charset val="128"/>
    </font>
    <font>
      <b/>
      <sz val="10"/>
      <color rgb="FFFF0000"/>
      <name val="Arial"/>
      <family val="2"/>
    </font>
    <font>
      <sz val="11"/>
      <color theme="1"/>
      <name val="Arial"/>
      <family val="2"/>
    </font>
    <font>
      <sz val="10"/>
      <color theme="1"/>
      <name val="Arial"/>
      <family val="2"/>
    </font>
    <font>
      <sz val="11"/>
      <name val="Arial"/>
      <family val="2"/>
    </font>
    <font>
      <b/>
      <sz val="12"/>
      <color theme="1"/>
      <name val="Arial"/>
      <family val="2"/>
    </font>
    <font>
      <b/>
      <sz val="11"/>
      <name val="Arial"/>
      <family val="2"/>
    </font>
    <font>
      <b/>
      <sz val="11"/>
      <color theme="1"/>
      <name val="Arial"/>
      <family val="2"/>
    </font>
    <font>
      <b/>
      <sz val="11"/>
      <color theme="0"/>
      <name val="Arial"/>
      <family val="2"/>
    </font>
    <font>
      <b/>
      <u/>
      <sz val="12"/>
      <color theme="1"/>
      <name val="Arial"/>
      <family val="2"/>
    </font>
    <font>
      <b/>
      <u/>
      <sz val="10"/>
      <color theme="1"/>
      <name val="Arial"/>
      <family val="2"/>
    </font>
    <font>
      <sz val="10"/>
      <color theme="1"/>
      <name val="MS UI Gothic"/>
      <family val="3"/>
      <charset val="128"/>
    </font>
    <font>
      <b/>
      <u/>
      <sz val="11"/>
      <color theme="1"/>
      <name val="Arial"/>
      <family val="2"/>
    </font>
    <font>
      <sz val="11"/>
      <color indexed="8"/>
      <name val="Arial"/>
      <family val="2"/>
    </font>
    <font>
      <sz val="11"/>
      <color indexed="8"/>
      <name val="MS UI Gothic"/>
      <family val="3"/>
      <charset val="128"/>
    </font>
    <font>
      <b/>
      <sz val="11"/>
      <color rgb="FFFF0000"/>
      <name val="Arial"/>
      <family val="2"/>
    </font>
    <font>
      <sz val="14"/>
      <name val="Arial"/>
      <family val="2"/>
    </font>
    <font>
      <sz val="18"/>
      <name val="Arial"/>
      <family val="2"/>
    </font>
    <font>
      <b/>
      <sz val="16"/>
      <name val="Arial"/>
      <family val="2"/>
    </font>
    <font>
      <b/>
      <u/>
      <sz val="11"/>
      <name val="Arial"/>
      <family val="2"/>
    </font>
    <font>
      <b/>
      <u/>
      <sz val="10"/>
      <name val="Arial"/>
      <family val="2"/>
    </font>
    <font>
      <b/>
      <sz val="12"/>
      <name val="ＭＳ Ｐゴシック"/>
      <family val="3"/>
      <charset val="128"/>
    </font>
    <font>
      <b/>
      <sz val="12"/>
      <name val="Arial"/>
      <family val="2"/>
    </font>
    <font>
      <sz val="10"/>
      <color rgb="FFFF0000"/>
      <name val="Arial"/>
      <family val="2"/>
    </font>
    <font>
      <b/>
      <sz val="10"/>
      <name val="Arial"/>
      <family val="2"/>
    </font>
    <font>
      <sz val="11"/>
      <color theme="1"/>
      <name val="ＭＳ Ｐゴシック"/>
      <family val="3"/>
      <charset val="128"/>
      <scheme val="minor"/>
    </font>
    <font>
      <sz val="6"/>
      <name val="ＭＳ Ｐゴシック"/>
      <family val="3"/>
      <charset val="128"/>
    </font>
    <font>
      <sz val="20"/>
      <name val="Arial"/>
      <family val="2"/>
    </font>
    <font>
      <sz val="12"/>
      <name val="Arial"/>
      <family val="2"/>
    </font>
    <font>
      <sz val="6"/>
      <name val="Arial"/>
      <family val="2"/>
    </font>
    <font>
      <sz val="6"/>
      <name val="ＭＳ ゴシック"/>
      <family val="3"/>
      <charset val="128"/>
    </font>
    <font>
      <sz val="7"/>
      <name val="Arial"/>
      <family val="2"/>
    </font>
    <font>
      <sz val="8"/>
      <name val="Arial"/>
      <family val="2"/>
    </font>
    <font>
      <sz val="10"/>
      <color indexed="55"/>
      <name val="Arial"/>
      <family val="2"/>
    </font>
    <font>
      <b/>
      <sz val="14"/>
      <name val="Arial"/>
      <family val="2"/>
    </font>
    <font>
      <sz val="9"/>
      <color theme="1"/>
      <name val="ＭＳ Ｐゴシック"/>
      <family val="3"/>
      <charset val="128"/>
    </font>
    <font>
      <b/>
      <u/>
      <sz val="14"/>
      <name val="Arial"/>
      <family val="2"/>
    </font>
    <font>
      <b/>
      <u/>
      <sz val="12"/>
      <name val="Arial"/>
      <family val="2"/>
    </font>
    <font>
      <sz val="10"/>
      <color theme="1"/>
      <name val="ＭＳ Ｐゴシック"/>
      <family val="3"/>
      <charset val="128"/>
    </font>
    <font>
      <sz val="14"/>
      <color theme="1"/>
      <name val="Arial"/>
      <family val="2"/>
    </font>
    <font>
      <b/>
      <sz val="14"/>
      <color indexed="8"/>
      <name val="Arial"/>
      <family val="2"/>
    </font>
    <font>
      <b/>
      <sz val="18"/>
      <color indexed="8"/>
      <name val="ＭＳ Ｐゴシック"/>
      <family val="3"/>
      <charset val="128"/>
    </font>
    <font>
      <b/>
      <sz val="18"/>
      <color indexed="8"/>
      <name val="Arial"/>
      <family val="2"/>
    </font>
    <font>
      <b/>
      <sz val="12"/>
      <color rgb="FFFF0000"/>
      <name val="Arial"/>
      <family val="2"/>
    </font>
  </fonts>
  <fills count="5">
    <fill>
      <patternFill patternType="none"/>
    </fill>
    <fill>
      <patternFill patternType="gray125"/>
    </fill>
    <fill>
      <patternFill patternType="solid">
        <fgColor theme="1" tint="0.499984740745262"/>
        <bgColor indexed="64"/>
      </patternFill>
    </fill>
    <fill>
      <patternFill patternType="solid">
        <fgColor theme="0" tint="-0.14999847407452621"/>
        <bgColor indexed="64"/>
      </patternFill>
    </fill>
    <fill>
      <patternFill patternType="solid">
        <fgColor theme="0"/>
        <bgColor indexed="64"/>
      </patternFill>
    </fill>
  </fills>
  <borders count="57">
    <border>
      <left/>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style="double">
        <color indexed="64"/>
      </bottom>
      <diagonal/>
    </border>
    <border>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style="double">
        <color indexed="64"/>
      </top>
      <bottom/>
      <diagonal/>
    </border>
    <border>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style="thin">
        <color indexed="64"/>
      </bottom>
      <diagonal/>
    </border>
    <border>
      <left/>
      <right style="thin">
        <color indexed="64"/>
      </right>
      <top style="hair">
        <color indexed="64"/>
      </top>
      <bottom style="hair">
        <color indexed="64"/>
      </bottom>
      <diagonal/>
    </border>
    <border>
      <left/>
      <right style="thin">
        <color indexed="64"/>
      </right>
      <top/>
      <bottom style="hair">
        <color indexed="64"/>
      </bottom>
      <diagonal/>
    </border>
    <border>
      <left style="thin">
        <color indexed="64"/>
      </left>
      <right style="thin">
        <color indexed="64"/>
      </right>
      <top/>
      <bottom style="double">
        <color indexed="64"/>
      </bottom>
      <diagonal/>
    </border>
    <border>
      <left/>
      <right style="thin">
        <color indexed="64"/>
      </right>
      <top/>
      <bottom style="double">
        <color indexed="64"/>
      </bottom>
      <diagonal/>
    </border>
    <border>
      <left/>
      <right style="thin">
        <color indexed="64"/>
      </right>
      <top style="double">
        <color indexed="64"/>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bottom style="hair">
        <color indexed="64"/>
      </bottom>
      <diagonal/>
    </border>
    <border>
      <left style="thin">
        <color indexed="64"/>
      </left>
      <right/>
      <top style="thin">
        <color indexed="64"/>
      </top>
      <bottom style="thin">
        <color indexed="64"/>
      </bottom>
      <diagonal/>
    </border>
    <border>
      <left style="thin">
        <color indexed="64"/>
      </left>
      <right style="thin">
        <color indexed="64"/>
      </right>
      <top style="double">
        <color indexed="64"/>
      </top>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diagonal/>
    </border>
    <border>
      <left style="medium">
        <color indexed="64"/>
      </left>
      <right style="thin">
        <color indexed="64"/>
      </right>
      <top/>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thin">
        <color indexed="64"/>
      </bottom>
      <diagonal/>
    </border>
  </borders>
  <cellStyleXfs count="15">
    <xf numFmtId="0" fontId="0" fillId="0" borderId="0">
      <alignment vertical="center"/>
    </xf>
    <xf numFmtId="0" fontId="8" fillId="0" borderId="0"/>
    <xf numFmtId="0" fontId="9" fillId="0" borderId="0">
      <alignment vertical="center"/>
    </xf>
    <xf numFmtId="0" fontId="9" fillId="0" borderId="0">
      <alignment vertical="center"/>
    </xf>
    <xf numFmtId="0" fontId="6" fillId="0" borderId="0">
      <alignment vertical="center"/>
    </xf>
    <xf numFmtId="0" fontId="5" fillId="0" borderId="0">
      <alignment vertical="center"/>
    </xf>
    <xf numFmtId="0" fontId="4" fillId="0" borderId="0">
      <alignment vertical="center"/>
    </xf>
    <xf numFmtId="0" fontId="11" fillId="0" borderId="0">
      <alignment vertical="center" wrapText="1"/>
    </xf>
    <xf numFmtId="0" fontId="3" fillId="0" borderId="0">
      <alignment vertical="center"/>
    </xf>
    <xf numFmtId="0" fontId="3" fillId="0" borderId="0">
      <alignment vertical="center"/>
    </xf>
    <xf numFmtId="0" fontId="25" fillId="0" borderId="0">
      <alignment vertical="center"/>
    </xf>
    <xf numFmtId="0" fontId="2" fillId="0" borderId="0">
      <alignment vertical="center"/>
    </xf>
    <xf numFmtId="0" fontId="39" fillId="0" borderId="0">
      <alignment vertical="center"/>
    </xf>
    <xf numFmtId="0" fontId="9" fillId="0" borderId="0">
      <alignment vertical="center"/>
    </xf>
    <xf numFmtId="0" fontId="1" fillId="0" borderId="0">
      <alignment vertical="center"/>
    </xf>
  </cellStyleXfs>
  <cellXfs count="355">
    <xf numFmtId="0" fontId="0" fillId="0" borderId="0" xfId="0">
      <alignment vertical="center"/>
    </xf>
    <xf numFmtId="0" fontId="11" fillId="0" borderId="0" xfId="6" applyFont="1" applyBorder="1">
      <alignment vertical="center"/>
    </xf>
    <xf numFmtId="0" fontId="12" fillId="0" borderId="0" xfId="0" applyFont="1" applyBorder="1">
      <alignment vertical="center"/>
    </xf>
    <xf numFmtId="0" fontId="13" fillId="0" borderId="0" xfId="0" applyNumberFormat="1" applyFont="1" applyFill="1" applyBorder="1" applyAlignment="1" applyProtection="1">
      <alignment horizontal="right" vertical="center"/>
    </xf>
    <xf numFmtId="0" fontId="17" fillId="0" borderId="0" xfId="0" applyFont="1">
      <alignment vertical="center"/>
    </xf>
    <xf numFmtId="0" fontId="18" fillId="0" borderId="0" xfId="0" applyFont="1" applyFill="1" applyAlignment="1">
      <alignment horizontal="left" vertical="center"/>
    </xf>
    <xf numFmtId="0" fontId="16" fillId="0" borderId="0" xfId="0" applyFont="1">
      <alignment vertical="center"/>
    </xf>
    <xf numFmtId="0" fontId="18" fillId="0" borderId="0" xfId="0" applyFont="1" applyFill="1" applyAlignment="1">
      <alignment vertical="center"/>
    </xf>
    <xf numFmtId="0" fontId="20" fillId="0" borderId="0" xfId="0" applyFont="1" applyFill="1" applyAlignment="1">
      <alignment horizontal="left" vertical="center"/>
    </xf>
    <xf numFmtId="0" fontId="18" fillId="0" borderId="0" xfId="0" applyFont="1" applyFill="1" applyAlignment="1">
      <alignment horizontal="left" vertical="center" indent="1"/>
    </xf>
    <xf numFmtId="0" fontId="19" fillId="0" borderId="0" xfId="6" applyFont="1" applyBorder="1">
      <alignment vertical="center"/>
    </xf>
    <xf numFmtId="0" fontId="17" fillId="0" borderId="0" xfId="0" applyFont="1" applyBorder="1">
      <alignment vertical="center"/>
    </xf>
    <xf numFmtId="0" fontId="21" fillId="0" borderId="0" xfId="6" applyFont="1" applyBorder="1">
      <alignment vertical="center"/>
    </xf>
    <xf numFmtId="0" fontId="16" fillId="0" borderId="0" xfId="6" applyFont="1" applyBorder="1">
      <alignment vertical="center"/>
    </xf>
    <xf numFmtId="0" fontId="16" fillId="0" borderId="0" xfId="6" applyFont="1" applyBorder="1" applyAlignment="1">
      <alignment horizontal="center" vertical="center"/>
    </xf>
    <xf numFmtId="0" fontId="16" fillId="0" borderId="0" xfId="6" applyFont="1" applyBorder="1" applyAlignment="1">
      <alignment vertical="center" wrapText="1"/>
    </xf>
    <xf numFmtId="0" fontId="21" fillId="0" borderId="0" xfId="6" applyFont="1" applyAlignment="1">
      <alignment horizontal="center" vertical="center"/>
    </xf>
    <xf numFmtId="0" fontId="16" fillId="0" borderId="0" xfId="6" applyFont="1" applyAlignment="1">
      <alignment horizontal="center" vertical="center"/>
    </xf>
    <xf numFmtId="0" fontId="16" fillId="0" borderId="13" xfId="6" applyFont="1" applyBorder="1" applyAlignment="1">
      <alignment horizontal="center" vertical="center"/>
    </xf>
    <xf numFmtId="0" fontId="16" fillId="0" borderId="13" xfId="6" applyFont="1" applyBorder="1" applyAlignment="1">
      <alignment horizontal="center" vertical="center" wrapText="1"/>
    </xf>
    <xf numFmtId="0" fontId="18" fillId="0" borderId="13" xfId="0" applyNumberFormat="1" applyFont="1" applyFill="1" applyBorder="1" applyAlignment="1">
      <alignment horizontal="center" vertical="center"/>
    </xf>
    <xf numFmtId="0" fontId="21" fillId="0" borderId="0" xfId="6" applyFont="1">
      <alignment vertical="center"/>
    </xf>
    <xf numFmtId="0" fontId="16" fillId="0" borderId="0" xfId="6" applyFont="1">
      <alignment vertical="center"/>
    </xf>
    <xf numFmtId="0" fontId="16" fillId="0" borderId="12" xfId="6" applyFont="1" applyBorder="1" applyAlignment="1">
      <alignment horizontal="center" vertical="center"/>
    </xf>
    <xf numFmtId="0" fontId="16" fillId="0" borderId="12" xfId="6" applyFont="1" applyBorder="1" applyAlignment="1">
      <alignment vertical="center" wrapText="1"/>
    </xf>
    <xf numFmtId="0" fontId="16" fillId="0" borderId="11" xfId="6" applyFont="1" applyBorder="1" applyAlignment="1">
      <alignment horizontal="center" vertical="center"/>
    </xf>
    <xf numFmtId="0" fontId="16" fillId="0" borderId="11" xfId="6" applyFont="1" applyBorder="1" applyAlignment="1">
      <alignment vertical="center" wrapText="1"/>
    </xf>
    <xf numFmtId="0" fontId="18" fillId="0" borderId="11" xfId="6" applyFont="1" applyBorder="1" applyAlignment="1">
      <alignment vertical="center" wrapText="1"/>
    </xf>
    <xf numFmtId="0" fontId="16" fillId="0" borderId="13" xfId="6" applyFont="1" applyBorder="1" applyAlignment="1">
      <alignment vertical="center" wrapText="1"/>
    </xf>
    <xf numFmtId="0" fontId="16" fillId="0" borderId="12" xfId="6" applyFont="1" applyBorder="1" applyAlignment="1">
      <alignment horizontal="right" vertical="center" wrapText="1"/>
    </xf>
    <xf numFmtId="0" fontId="19" fillId="0" borderId="0" xfId="0" applyFont="1" applyBorder="1">
      <alignment vertical="center"/>
    </xf>
    <xf numFmtId="0" fontId="21" fillId="0" borderId="0" xfId="0" applyFont="1" applyBorder="1">
      <alignment vertical="center"/>
    </xf>
    <xf numFmtId="0" fontId="16" fillId="0" borderId="0" xfId="0" applyFont="1" applyBorder="1" applyAlignment="1">
      <alignment horizontal="center" vertical="center"/>
    </xf>
    <xf numFmtId="0" fontId="16" fillId="0" borderId="0" xfId="0" applyFont="1" applyBorder="1">
      <alignment vertical="center"/>
    </xf>
    <xf numFmtId="177" fontId="16" fillId="0" borderId="0" xfId="0" applyNumberFormat="1" applyFont="1" applyFill="1" applyBorder="1" applyAlignment="1">
      <alignment horizontal="center" vertical="center"/>
    </xf>
    <xf numFmtId="0" fontId="16" fillId="0" borderId="0" xfId="0" applyFont="1" applyBorder="1" applyAlignment="1">
      <alignment vertical="center" wrapText="1"/>
    </xf>
    <xf numFmtId="177" fontId="16" fillId="0" borderId="13" xfId="0" applyNumberFormat="1" applyFont="1" applyFill="1" applyBorder="1" applyAlignment="1">
      <alignment horizontal="center" vertical="center"/>
    </xf>
    <xf numFmtId="0" fontId="16" fillId="0" borderId="13" xfId="0" applyFont="1" applyBorder="1" applyAlignment="1">
      <alignment vertical="center" wrapText="1"/>
    </xf>
    <xf numFmtId="0" fontId="16" fillId="0" borderId="13" xfId="0" applyFont="1" applyBorder="1" applyAlignment="1">
      <alignment horizontal="center" vertical="center" wrapText="1"/>
    </xf>
    <xf numFmtId="0" fontId="18" fillId="0" borderId="13" xfId="0" applyFont="1" applyFill="1" applyBorder="1" applyAlignment="1">
      <alignment horizontal="center" vertical="center" wrapText="1" shrinkToFit="1"/>
    </xf>
    <xf numFmtId="0" fontId="16" fillId="0" borderId="1" xfId="0" applyFont="1" applyBorder="1" applyAlignment="1">
      <alignment horizontal="center" vertical="center"/>
    </xf>
    <xf numFmtId="0" fontId="16" fillId="0" borderId="18" xfId="0" applyFont="1" applyBorder="1">
      <alignment vertical="center"/>
    </xf>
    <xf numFmtId="0" fontId="16" fillId="0" borderId="2" xfId="0" applyFont="1" applyBorder="1">
      <alignment vertical="center"/>
    </xf>
    <xf numFmtId="0" fontId="22" fillId="2" borderId="11" xfId="0" applyFont="1" applyFill="1" applyBorder="1" applyAlignment="1">
      <alignment horizontal="center" vertical="center"/>
    </xf>
    <xf numFmtId="177" fontId="16" fillId="0" borderId="11" xfId="0" applyNumberFormat="1" applyFont="1" applyFill="1" applyBorder="1" applyAlignment="1">
      <alignment horizontal="center" vertical="center"/>
    </xf>
    <xf numFmtId="0" fontId="16" fillId="0" borderId="11" xfId="0" applyFont="1" applyBorder="1" applyAlignment="1">
      <alignment vertical="center" wrapText="1"/>
    </xf>
    <xf numFmtId="0" fontId="16" fillId="0" borderId="6" xfId="0" applyFont="1" applyBorder="1" applyAlignment="1">
      <alignment horizontal="center" vertical="center"/>
    </xf>
    <xf numFmtId="0" fontId="16" fillId="0" borderId="3" xfId="0" applyFont="1" applyBorder="1" applyAlignment="1">
      <alignment horizontal="center" vertical="center"/>
    </xf>
    <xf numFmtId="0" fontId="16" fillId="0" borderId="11" xfId="0" applyFont="1" applyBorder="1" applyAlignment="1">
      <alignment horizontal="center" vertical="center"/>
    </xf>
    <xf numFmtId="0" fontId="16" fillId="0" borderId="12" xfId="0" applyFont="1" applyBorder="1" applyAlignment="1">
      <alignment horizontal="center" vertical="center"/>
    </xf>
    <xf numFmtId="0" fontId="16" fillId="0" borderId="8" xfId="0" applyFont="1" applyBorder="1">
      <alignment vertical="center"/>
    </xf>
    <xf numFmtId="0" fontId="16" fillId="0" borderId="8" xfId="0" applyFont="1" applyBorder="1" applyAlignment="1">
      <alignment horizontal="center" vertical="center"/>
    </xf>
    <xf numFmtId="177" fontId="16" fillId="0" borderId="8" xfId="0" applyNumberFormat="1" applyFont="1" applyFill="1" applyBorder="1" applyAlignment="1">
      <alignment horizontal="center" vertical="center"/>
    </xf>
    <xf numFmtId="0" fontId="16" fillId="0" borderId="8" xfId="0" applyFont="1" applyBorder="1" applyAlignment="1">
      <alignment vertical="center" wrapText="1"/>
    </xf>
    <xf numFmtId="0" fontId="16" fillId="0" borderId="14" xfId="0" applyFont="1" applyBorder="1">
      <alignment vertical="center"/>
    </xf>
    <xf numFmtId="0" fontId="16" fillId="0" borderId="4" xfId="0" applyFont="1" applyBorder="1">
      <alignment vertical="center"/>
    </xf>
    <xf numFmtId="0" fontId="22" fillId="2" borderId="12" xfId="0" applyFont="1" applyFill="1" applyBorder="1" applyAlignment="1">
      <alignment horizontal="center" vertical="center"/>
    </xf>
    <xf numFmtId="0" fontId="18" fillId="0" borderId="14" xfId="0" applyFont="1" applyFill="1" applyBorder="1" applyAlignment="1" applyProtection="1">
      <alignment horizontal="center" vertical="center"/>
    </xf>
    <xf numFmtId="177" fontId="16" fillId="0" borderId="12" xfId="0" applyNumberFormat="1" applyFont="1" applyFill="1" applyBorder="1" applyAlignment="1">
      <alignment horizontal="center" vertical="center"/>
    </xf>
    <xf numFmtId="0" fontId="16" fillId="0" borderId="11" xfId="0" applyFont="1" applyBorder="1" applyAlignment="1">
      <alignment horizontal="left" vertical="center" wrapText="1" indent="1"/>
    </xf>
    <xf numFmtId="0" fontId="16" fillId="0" borderId="10" xfId="0" applyFont="1" applyBorder="1" applyAlignment="1">
      <alignment horizontal="center" vertical="center"/>
    </xf>
    <xf numFmtId="0" fontId="16" fillId="0" borderId="11" xfId="0" applyFont="1" applyBorder="1" applyAlignment="1">
      <alignment horizontal="right" vertical="center" wrapText="1"/>
    </xf>
    <xf numFmtId="0" fontId="16" fillId="0" borderId="12" xfId="0" applyFont="1" applyBorder="1" applyAlignment="1">
      <alignment horizontal="right" vertical="center" wrapText="1"/>
    </xf>
    <xf numFmtId="0" fontId="16" fillId="0" borderId="10" xfId="0" applyFont="1" applyBorder="1">
      <alignment vertical="center"/>
    </xf>
    <xf numFmtId="0" fontId="18" fillId="0" borderId="14" xfId="0" applyFont="1" applyFill="1" applyBorder="1" applyAlignment="1">
      <alignment horizontal="center" vertical="center"/>
    </xf>
    <xf numFmtId="0" fontId="16" fillId="0" borderId="6" xfId="0" applyFont="1" applyBorder="1" applyAlignment="1">
      <alignment vertical="center" wrapText="1"/>
    </xf>
    <xf numFmtId="0" fontId="16" fillId="0" borderId="6" xfId="0" applyFont="1" applyBorder="1" applyAlignment="1">
      <alignment horizontal="left" vertical="center" wrapText="1" indent="1"/>
    </xf>
    <xf numFmtId="0" fontId="18" fillId="0" borderId="0" xfId="0" applyFont="1" applyFill="1" applyBorder="1" applyAlignment="1" applyProtection="1">
      <alignment horizontal="center" vertical="center"/>
    </xf>
    <xf numFmtId="0" fontId="18" fillId="0" borderId="11" xfId="0" applyFont="1" applyFill="1" applyBorder="1" applyAlignment="1">
      <alignment horizontal="center" vertical="center"/>
    </xf>
    <xf numFmtId="0" fontId="17" fillId="0" borderId="12" xfId="0" applyFont="1" applyBorder="1">
      <alignment vertical="center"/>
    </xf>
    <xf numFmtId="0" fontId="17" fillId="0" borderId="10" xfId="0" applyFont="1" applyBorder="1">
      <alignment vertical="center"/>
    </xf>
    <xf numFmtId="0" fontId="18" fillId="0" borderId="0" xfId="0" applyFont="1" applyFill="1" applyAlignment="1">
      <alignment horizontal="left" vertical="center" indent="7"/>
    </xf>
    <xf numFmtId="0" fontId="18" fillId="0" borderId="0" xfId="2" applyFont="1" applyFill="1" applyAlignment="1" applyProtection="1">
      <alignment horizontal="left" vertical="center" indent="7"/>
    </xf>
    <xf numFmtId="0" fontId="8" fillId="3" borderId="19" xfId="0" applyFont="1" applyFill="1" applyBorder="1" applyAlignment="1">
      <alignment horizontal="center" vertical="center" wrapText="1"/>
    </xf>
    <xf numFmtId="0" fontId="8" fillId="3" borderId="9" xfId="0" applyFont="1" applyFill="1" applyBorder="1" applyAlignment="1">
      <alignment horizontal="center" vertical="center" wrapText="1"/>
    </xf>
    <xf numFmtId="0" fontId="17" fillId="0" borderId="0" xfId="0" applyFont="1" applyBorder="1" applyAlignment="1">
      <alignment vertical="center" wrapText="1"/>
    </xf>
    <xf numFmtId="0" fontId="17" fillId="3" borderId="24" xfId="0" applyFont="1" applyFill="1" applyBorder="1" applyAlignment="1">
      <alignment horizontal="center" vertical="center"/>
    </xf>
    <xf numFmtId="0" fontId="17" fillId="3" borderId="25" xfId="0" applyFont="1" applyFill="1" applyBorder="1" applyAlignment="1">
      <alignment horizontal="center" vertical="center"/>
    </xf>
    <xf numFmtId="0" fontId="17" fillId="3" borderId="25" xfId="0" applyFont="1" applyFill="1" applyBorder="1" applyAlignment="1">
      <alignment horizontal="center" vertical="center" wrapText="1"/>
    </xf>
    <xf numFmtId="0" fontId="17" fillId="0" borderId="1" xfId="0" applyFont="1" applyBorder="1">
      <alignment vertical="center"/>
    </xf>
    <xf numFmtId="0" fontId="17" fillId="0" borderId="21" xfId="0" applyFont="1" applyBorder="1" applyAlignment="1">
      <alignment vertical="center" wrapText="1"/>
    </xf>
    <xf numFmtId="0" fontId="17" fillId="0" borderId="26" xfId="0" applyFont="1" applyBorder="1">
      <alignment vertical="center"/>
    </xf>
    <xf numFmtId="0" fontId="17" fillId="0" borderId="22" xfId="0" applyFont="1" applyBorder="1" applyAlignment="1">
      <alignment vertical="center" wrapText="1"/>
    </xf>
    <xf numFmtId="0" fontId="15" fillId="0" borderId="0" xfId="0" applyFont="1" applyBorder="1" applyAlignment="1">
      <alignment horizontal="right" vertical="center"/>
    </xf>
    <xf numFmtId="0" fontId="17" fillId="0" borderId="23" xfId="0" applyFont="1" applyFill="1" applyBorder="1" applyAlignment="1">
      <alignment vertical="center" wrapText="1"/>
    </xf>
    <xf numFmtId="0" fontId="17" fillId="0" borderId="22" xfId="1" applyFont="1" applyFill="1" applyBorder="1" applyAlignment="1">
      <alignment vertical="center" wrapText="1"/>
    </xf>
    <xf numFmtId="0" fontId="17" fillId="0" borderId="22" xfId="0" applyFont="1" applyFill="1" applyBorder="1" applyAlignment="1">
      <alignment vertical="center" wrapText="1"/>
    </xf>
    <xf numFmtId="0" fontId="17" fillId="0" borderId="5" xfId="0" applyFont="1" applyFill="1" applyBorder="1" applyAlignment="1">
      <alignment vertical="center" wrapText="1"/>
    </xf>
    <xf numFmtId="0" fontId="17" fillId="0" borderId="28" xfId="0" applyFont="1" applyFill="1" applyBorder="1" applyAlignment="1">
      <alignment vertical="center" wrapText="1"/>
    </xf>
    <xf numFmtId="0" fontId="17" fillId="0" borderId="4" xfId="0" applyFont="1" applyFill="1" applyBorder="1" applyAlignment="1">
      <alignment vertical="center" wrapText="1"/>
    </xf>
    <xf numFmtId="0" fontId="17" fillId="0" borderId="0" xfId="0" applyFont="1" applyFill="1">
      <alignment vertical="center"/>
    </xf>
    <xf numFmtId="0" fontId="8" fillId="3" borderId="30" xfId="0" applyFont="1" applyFill="1" applyBorder="1" applyAlignment="1">
      <alignment horizontal="center" vertical="center" wrapText="1"/>
    </xf>
    <xf numFmtId="0" fontId="17" fillId="0" borderId="23" xfId="0" applyFont="1" applyFill="1" applyBorder="1" applyAlignment="1">
      <alignment horizontal="center" vertical="center" wrapText="1"/>
    </xf>
    <xf numFmtId="0" fontId="17" fillId="0" borderId="22" xfId="0" applyFont="1" applyFill="1" applyBorder="1" applyAlignment="1">
      <alignment horizontal="center" vertical="center" wrapText="1"/>
    </xf>
    <xf numFmtId="0" fontId="17" fillId="0" borderId="27" xfId="0" applyFont="1" applyFill="1" applyBorder="1" applyAlignment="1">
      <alignment horizontal="center" vertical="center" wrapText="1"/>
    </xf>
    <xf numFmtId="0" fontId="17" fillId="0" borderId="23" xfId="0" applyFont="1" applyBorder="1" applyAlignment="1">
      <alignment horizontal="center" vertical="center" wrapText="1"/>
    </xf>
    <xf numFmtId="0" fontId="17" fillId="0" borderId="9" xfId="0" applyFont="1" applyFill="1" applyBorder="1" applyAlignment="1">
      <alignment horizontal="center" vertical="center" wrapText="1"/>
    </xf>
    <xf numFmtId="0" fontId="18" fillId="0" borderId="0" xfId="0" applyFont="1" applyFill="1" applyAlignment="1" applyProtection="1">
      <alignment horizontal="left" vertical="center"/>
      <protection locked="0"/>
    </xf>
    <xf numFmtId="0" fontId="21" fillId="0" borderId="0" xfId="0" applyFont="1">
      <alignment vertical="center"/>
    </xf>
    <xf numFmtId="0" fontId="18" fillId="0" borderId="0" xfId="0" applyFont="1" applyFill="1" applyAlignment="1">
      <alignment horizontal="right" vertical="center" shrinkToFit="1"/>
    </xf>
    <xf numFmtId="0" fontId="16" fillId="0" borderId="0" xfId="0" applyFont="1" applyAlignment="1">
      <alignment horizontal="center" vertical="center"/>
    </xf>
    <xf numFmtId="0" fontId="16" fillId="0" borderId="10" xfId="6" applyFont="1" applyBorder="1" applyAlignment="1">
      <alignment horizontal="center" vertical="center"/>
    </xf>
    <xf numFmtId="0" fontId="16" fillId="0" borderId="10" xfId="6" applyFont="1" applyBorder="1" applyAlignment="1">
      <alignment vertical="center" wrapText="1"/>
    </xf>
    <xf numFmtId="0" fontId="16" fillId="0" borderId="0" xfId="6" applyFont="1" applyBorder="1" applyAlignment="1">
      <alignment horizontal="left" vertical="center" wrapText="1"/>
    </xf>
    <xf numFmtId="0" fontId="18" fillId="0" borderId="0" xfId="0" applyNumberFormat="1" applyFont="1" applyFill="1" applyBorder="1" applyAlignment="1" applyProtection="1">
      <alignment horizontal="right" vertical="center"/>
    </xf>
    <xf numFmtId="0" fontId="18" fillId="0" borderId="0" xfId="0" applyNumberFormat="1" applyFont="1" applyFill="1" applyBorder="1" applyAlignment="1" applyProtection="1">
      <alignment horizontal="center" vertical="center"/>
    </xf>
    <xf numFmtId="0" fontId="16" fillId="0" borderId="10" xfId="6" applyFont="1" applyBorder="1" applyAlignment="1">
      <alignment horizontal="right" vertical="center" wrapText="1"/>
    </xf>
    <xf numFmtId="0" fontId="16" fillId="0" borderId="0" xfId="0" applyFont="1" applyAlignment="1">
      <alignment horizontal="right" vertical="top"/>
    </xf>
    <xf numFmtId="177" fontId="16" fillId="0" borderId="10" xfId="0" applyNumberFormat="1" applyFont="1" applyFill="1" applyBorder="1" applyAlignment="1">
      <alignment horizontal="center" vertical="center"/>
    </xf>
    <xf numFmtId="0" fontId="18" fillId="0" borderId="9" xfId="0" applyFont="1" applyFill="1" applyBorder="1" applyAlignment="1" applyProtection="1">
      <alignment horizontal="center" vertical="center"/>
      <protection locked="0"/>
    </xf>
    <xf numFmtId="0" fontId="18" fillId="0" borderId="11" xfId="0" applyFont="1" applyFill="1" applyBorder="1" applyAlignment="1" applyProtection="1">
      <alignment horizontal="center" vertical="center"/>
      <protection locked="0"/>
    </xf>
    <xf numFmtId="0" fontId="18" fillId="4" borderId="9" xfId="0" applyFont="1" applyFill="1" applyBorder="1" applyAlignment="1" applyProtection="1">
      <alignment horizontal="center" vertical="center" wrapText="1"/>
      <protection locked="0"/>
    </xf>
    <xf numFmtId="0" fontId="18" fillId="4" borderId="20" xfId="0" applyFont="1" applyFill="1" applyBorder="1" applyAlignment="1" applyProtection="1">
      <alignment horizontal="center" vertical="center" wrapText="1"/>
      <protection locked="0"/>
    </xf>
    <xf numFmtId="0" fontId="18" fillId="4" borderId="11" xfId="0" applyFont="1" applyFill="1" applyBorder="1" applyAlignment="1" applyProtection="1">
      <alignment horizontal="center" vertical="center" wrapText="1"/>
      <protection locked="0"/>
    </xf>
    <xf numFmtId="0" fontId="18" fillId="0" borderId="11" xfId="0" applyNumberFormat="1" applyFont="1" applyFill="1" applyBorder="1" applyAlignment="1" applyProtection="1">
      <alignment horizontal="center" vertical="center"/>
      <protection locked="0"/>
    </xf>
    <xf numFmtId="0" fontId="18" fillId="0" borderId="11" xfId="0" applyFont="1" applyFill="1" applyBorder="1" applyAlignment="1" applyProtection="1">
      <alignment horizontal="center" vertical="center"/>
      <protection locked="0"/>
    </xf>
    <xf numFmtId="0" fontId="18" fillId="0" borderId="9" xfId="0" applyFont="1" applyFill="1" applyBorder="1" applyAlignment="1" applyProtection="1">
      <alignment horizontal="center" vertical="center"/>
      <protection locked="0"/>
    </xf>
    <xf numFmtId="0" fontId="16" fillId="0" borderId="15" xfId="0" applyFont="1" applyBorder="1" applyAlignment="1">
      <alignment vertical="center" wrapText="1"/>
    </xf>
    <xf numFmtId="0" fontId="16" fillId="0" borderId="0" xfId="7" applyFont="1">
      <alignment vertical="center" wrapText="1"/>
    </xf>
    <xf numFmtId="0" fontId="27" fillId="0" borderId="0" xfId="0" applyFont="1" applyFill="1" applyAlignment="1"/>
    <xf numFmtId="0" fontId="16" fillId="0" borderId="0" xfId="0" applyFont="1" applyFill="1" applyAlignment="1"/>
    <xf numFmtId="0" fontId="16" fillId="0" borderId="31" xfId="0" quotePrefix="1" applyFont="1" applyFill="1" applyBorder="1" applyAlignment="1"/>
    <xf numFmtId="0" fontId="16" fillId="0" borderId="10" xfId="0" quotePrefix="1" applyFont="1" applyFill="1" applyBorder="1" applyAlignment="1"/>
    <xf numFmtId="0" fontId="16" fillId="0" borderId="0" xfId="0" applyFont="1" applyFill="1">
      <alignment vertical="center"/>
    </xf>
    <xf numFmtId="0" fontId="29" fillId="0" borderId="0" xfId="0" applyFont="1" applyFill="1" applyAlignment="1">
      <alignment horizontal="right" vertical="center"/>
    </xf>
    <xf numFmtId="0" fontId="21" fillId="0" borderId="0" xfId="0" applyFont="1" applyFill="1">
      <alignment vertical="center"/>
    </xf>
    <xf numFmtId="0" fontId="16" fillId="0" borderId="13" xfId="0" applyFont="1" applyFill="1" applyBorder="1" applyAlignment="1">
      <alignment horizontal="center" vertical="center"/>
    </xf>
    <xf numFmtId="0" fontId="21" fillId="0" borderId="0" xfId="0" applyFont="1" applyFill="1" applyBorder="1">
      <alignment vertical="center"/>
    </xf>
    <xf numFmtId="0" fontId="16" fillId="0" borderId="0" xfId="0" applyFont="1" applyFill="1" applyBorder="1">
      <alignment vertical="center"/>
    </xf>
    <xf numFmtId="0" fontId="16" fillId="0" borderId="12" xfId="0" applyFont="1" applyFill="1" applyBorder="1">
      <alignment vertical="center"/>
    </xf>
    <xf numFmtId="0" fontId="16" fillId="0" borderId="10" xfId="0" applyFont="1" applyFill="1" applyBorder="1">
      <alignment vertical="center"/>
    </xf>
    <xf numFmtId="0" fontId="16" fillId="0" borderId="9" xfId="0" applyFont="1" applyFill="1" applyBorder="1">
      <alignment vertical="center"/>
    </xf>
    <xf numFmtId="0" fontId="16" fillId="0" borderId="11" xfId="0" applyFont="1" applyFill="1" applyBorder="1">
      <alignment vertical="center"/>
    </xf>
    <xf numFmtId="0" fontId="16" fillId="0" borderId="9" xfId="6" applyFont="1" applyBorder="1" applyAlignment="1">
      <alignment horizontal="center" vertical="center"/>
    </xf>
    <xf numFmtId="0" fontId="16" fillId="0" borderId="9" xfId="6" applyFont="1" applyBorder="1" applyAlignment="1">
      <alignment vertical="center" wrapText="1"/>
    </xf>
    <xf numFmtId="0" fontId="16" fillId="0" borderId="9" xfId="0" applyFont="1" applyBorder="1" applyAlignment="1">
      <alignment horizontal="center" vertical="center"/>
    </xf>
    <xf numFmtId="177" fontId="16" fillId="0" borderId="9" xfId="0" applyNumberFormat="1" applyFont="1" applyFill="1" applyBorder="1" applyAlignment="1">
      <alignment horizontal="center" vertical="center"/>
    </xf>
    <xf numFmtId="0" fontId="16" fillId="0" borderId="30" xfId="0" applyFont="1" applyBorder="1" applyAlignment="1">
      <alignment vertical="center" wrapText="1"/>
    </xf>
    <xf numFmtId="176" fontId="18" fillId="0" borderId="5" xfId="0" applyNumberFormat="1" applyFont="1" applyFill="1" applyBorder="1" applyAlignment="1" applyProtection="1">
      <alignment horizontal="left" vertical="center" shrinkToFit="1"/>
      <protection locked="0"/>
    </xf>
    <xf numFmtId="0" fontId="18" fillId="0" borderId="5" xfId="0" applyFont="1" applyFill="1" applyBorder="1" applyAlignment="1" applyProtection="1">
      <alignment horizontal="left" vertical="center" shrinkToFit="1"/>
      <protection locked="0"/>
    </xf>
    <xf numFmtId="0" fontId="18" fillId="0" borderId="7" xfId="0" applyFont="1" applyFill="1" applyBorder="1" applyAlignment="1" applyProtection="1">
      <alignment horizontal="left" vertical="center" shrinkToFit="1"/>
      <protection locked="0"/>
    </xf>
    <xf numFmtId="0" fontId="18" fillId="0" borderId="11" xfId="0" applyNumberFormat="1" applyFont="1" applyFill="1" applyBorder="1" applyAlignment="1" applyProtection="1">
      <alignment horizontal="center" vertical="center" shrinkToFit="1"/>
      <protection locked="0"/>
    </xf>
    <xf numFmtId="0" fontId="22" fillId="2" borderId="9" xfId="0" applyFont="1" applyFill="1" applyBorder="1" applyAlignment="1">
      <alignment horizontal="center" vertical="center"/>
    </xf>
    <xf numFmtId="0" fontId="18" fillId="0" borderId="9" xfId="0" applyFont="1" applyFill="1" applyBorder="1" applyAlignment="1" applyProtection="1">
      <alignment horizontal="center" vertical="center" wrapText="1"/>
      <protection locked="0"/>
    </xf>
    <xf numFmtId="0" fontId="17" fillId="0" borderId="28" xfId="0" applyFont="1" applyFill="1" applyBorder="1" applyAlignment="1">
      <alignment horizontal="center" vertical="center" wrapText="1"/>
    </xf>
    <xf numFmtId="0" fontId="17" fillId="0" borderId="22" xfId="1" applyFont="1" applyFill="1" applyBorder="1" applyAlignment="1">
      <alignment horizontal="center" vertical="center" wrapText="1"/>
    </xf>
    <xf numFmtId="0" fontId="17" fillId="0" borderId="32" xfId="0" applyFont="1" applyFill="1" applyBorder="1" applyAlignment="1">
      <alignment horizontal="center" vertical="center" wrapText="1"/>
    </xf>
    <xf numFmtId="0" fontId="17" fillId="0" borderId="29" xfId="0" applyFont="1" applyFill="1" applyBorder="1" applyAlignment="1">
      <alignment horizontal="center" vertical="center" wrapText="1"/>
    </xf>
    <xf numFmtId="0" fontId="17" fillId="0" borderId="10" xfId="0" applyFont="1" applyFill="1" applyBorder="1" applyAlignment="1">
      <alignment horizontal="center" vertical="center" wrapText="1"/>
    </xf>
    <xf numFmtId="0" fontId="17" fillId="0" borderId="4" xfId="0" applyFont="1" applyFill="1" applyBorder="1" applyAlignment="1">
      <alignment vertical="center"/>
    </xf>
    <xf numFmtId="0" fontId="17" fillId="0" borderId="0" xfId="0" applyFont="1" applyFill="1" applyAlignment="1">
      <alignment vertical="center"/>
    </xf>
    <xf numFmtId="0" fontId="17" fillId="0" borderId="33" xfId="0" applyFont="1" applyFill="1" applyBorder="1" applyAlignment="1">
      <alignment horizontal="center" vertical="center" wrapText="1"/>
    </xf>
    <xf numFmtId="0" fontId="17" fillId="0" borderId="34" xfId="0" applyFont="1" applyFill="1" applyBorder="1" applyAlignment="1">
      <alignment vertical="center" wrapText="1"/>
    </xf>
    <xf numFmtId="0" fontId="17" fillId="0" borderId="34" xfId="0" applyFont="1" applyFill="1" applyBorder="1" applyAlignment="1">
      <alignment horizontal="center" vertical="center" wrapText="1"/>
    </xf>
    <xf numFmtId="0" fontId="17" fillId="0" borderId="27" xfId="0" applyFont="1" applyFill="1" applyBorder="1" applyAlignment="1">
      <alignment vertical="center" wrapText="1"/>
    </xf>
    <xf numFmtId="0" fontId="31" fillId="0" borderId="5" xfId="0" applyFont="1" applyFill="1" applyBorder="1" applyAlignment="1" applyProtection="1">
      <alignment horizontal="left" vertical="center" shrinkToFit="1"/>
      <protection locked="0"/>
    </xf>
    <xf numFmtId="0" fontId="20" fillId="0" borderId="0" xfId="0" applyFont="1">
      <alignment vertical="center"/>
    </xf>
    <xf numFmtId="0" fontId="32" fillId="0" borderId="0" xfId="0" applyFont="1" applyFill="1" applyAlignment="1">
      <alignment horizontal="left" vertical="center"/>
    </xf>
    <xf numFmtId="0" fontId="18" fillId="0" borderId="0" xfId="0" applyFont="1">
      <alignment vertical="center"/>
    </xf>
    <xf numFmtId="0" fontId="13" fillId="0" borderId="0" xfId="0" applyFont="1" applyFill="1" applyAlignment="1">
      <alignment horizontal="left" vertical="center"/>
    </xf>
    <xf numFmtId="0" fontId="20" fillId="0" borderId="0" xfId="6" applyFont="1" applyBorder="1">
      <alignment vertical="center"/>
    </xf>
    <xf numFmtId="0" fontId="18" fillId="0" borderId="0" xfId="0" applyFont="1" applyBorder="1">
      <alignment vertical="center"/>
    </xf>
    <xf numFmtId="0" fontId="18" fillId="0" borderId="0" xfId="6" applyFont="1" applyBorder="1">
      <alignment vertical="center"/>
    </xf>
    <xf numFmtId="0" fontId="18" fillId="0" borderId="0" xfId="6" applyFont="1" applyBorder="1" applyAlignment="1">
      <alignment horizontal="center" vertical="center"/>
    </xf>
    <xf numFmtId="0" fontId="18" fillId="0" borderId="0" xfId="6" applyFont="1" applyBorder="1" applyAlignment="1">
      <alignment vertical="center" wrapText="1"/>
    </xf>
    <xf numFmtId="0" fontId="20" fillId="0" borderId="0" xfId="6" applyFont="1" applyAlignment="1">
      <alignment horizontal="center" vertical="center"/>
    </xf>
    <xf numFmtId="0" fontId="18" fillId="0" borderId="0" xfId="6" applyFont="1" applyAlignment="1">
      <alignment horizontal="center" vertical="center"/>
    </xf>
    <xf numFmtId="0" fontId="18" fillId="0" borderId="13" xfId="6" applyFont="1" applyBorder="1" applyAlignment="1">
      <alignment horizontal="center" vertical="center"/>
    </xf>
    <xf numFmtId="0" fontId="18" fillId="0" borderId="13" xfId="6" applyFont="1" applyBorder="1" applyAlignment="1">
      <alignment horizontal="center" vertical="center" wrapText="1"/>
    </xf>
    <xf numFmtId="0" fontId="18" fillId="0" borderId="0" xfId="0" applyFont="1" applyAlignment="1">
      <alignment horizontal="center" vertical="center"/>
    </xf>
    <xf numFmtId="0" fontId="20" fillId="0" borderId="0" xfId="6" applyFont="1">
      <alignment vertical="center"/>
    </xf>
    <xf numFmtId="0" fontId="18" fillId="0" borderId="0" xfId="6" applyFont="1">
      <alignment vertical="center"/>
    </xf>
    <xf numFmtId="0" fontId="18" fillId="0" borderId="12" xfId="6" applyFont="1" applyBorder="1" applyAlignment="1">
      <alignment horizontal="center" vertical="center"/>
    </xf>
    <xf numFmtId="0" fontId="18" fillId="0" borderId="12" xfId="6" applyFont="1" applyBorder="1" applyAlignment="1">
      <alignment vertical="center" wrapText="1"/>
    </xf>
    <xf numFmtId="0" fontId="18" fillId="0" borderId="11" xfId="6" applyFont="1" applyBorder="1" applyAlignment="1">
      <alignment horizontal="center" vertical="center"/>
    </xf>
    <xf numFmtId="0" fontId="18" fillId="0" borderId="9" xfId="6" applyFont="1" applyBorder="1" applyAlignment="1">
      <alignment horizontal="center" vertical="center"/>
    </xf>
    <xf numFmtId="0" fontId="18" fillId="0" borderId="9" xfId="6" applyFont="1" applyBorder="1" applyAlignment="1">
      <alignment vertical="center" wrapText="1"/>
    </xf>
    <xf numFmtId="0" fontId="18" fillId="0" borderId="0" xfId="6" applyFont="1" applyBorder="1" applyAlignment="1">
      <alignment horizontal="left" vertical="center" wrapText="1"/>
    </xf>
    <xf numFmtId="0" fontId="20" fillId="0" borderId="0" xfId="0" applyFont="1" applyBorder="1">
      <alignment vertical="center"/>
    </xf>
    <xf numFmtId="0" fontId="18" fillId="0" borderId="6" xfId="0" applyFont="1" applyBorder="1" applyAlignment="1">
      <alignment horizontal="center" vertical="center"/>
    </xf>
    <xf numFmtId="0" fontId="18" fillId="0" borderId="8" xfId="0" applyFont="1" applyBorder="1">
      <alignment vertical="center"/>
    </xf>
    <xf numFmtId="0" fontId="18" fillId="0" borderId="8" xfId="0" applyFont="1" applyBorder="1" applyAlignment="1">
      <alignment horizontal="center" vertical="center"/>
    </xf>
    <xf numFmtId="177" fontId="18" fillId="0" borderId="8" xfId="0" applyNumberFormat="1" applyFont="1" applyFill="1" applyBorder="1" applyAlignment="1">
      <alignment horizontal="center" vertical="center"/>
    </xf>
    <xf numFmtId="0" fontId="18" fillId="0" borderId="8" xfId="0" applyFont="1" applyBorder="1" applyAlignment="1">
      <alignment vertical="center" wrapText="1"/>
    </xf>
    <xf numFmtId="0" fontId="18" fillId="0" borderId="6" xfId="0" applyFont="1" applyBorder="1" applyAlignment="1">
      <alignment horizontal="left" vertical="center" wrapText="1"/>
    </xf>
    <xf numFmtId="0" fontId="18" fillId="0" borderId="1" xfId="0" applyFont="1" applyBorder="1" applyAlignment="1" applyProtection="1">
      <alignment horizontal="center" vertical="center" wrapText="1"/>
      <protection locked="0"/>
    </xf>
    <xf numFmtId="0" fontId="18" fillId="0" borderId="6" xfId="0" applyFont="1" applyBorder="1" applyAlignment="1">
      <alignment vertical="center" wrapText="1"/>
    </xf>
    <xf numFmtId="177" fontId="18" fillId="0" borderId="11" xfId="0" applyNumberFormat="1" applyFont="1" applyFill="1" applyBorder="1" applyAlignment="1">
      <alignment horizontal="center" vertical="center"/>
    </xf>
    <xf numFmtId="177" fontId="18" fillId="0" borderId="12" xfId="0" applyNumberFormat="1" applyFont="1" applyFill="1" applyBorder="1" applyAlignment="1">
      <alignment horizontal="center" vertical="center"/>
    </xf>
    <xf numFmtId="177" fontId="18" fillId="0" borderId="10" xfId="0" applyNumberFormat="1" applyFont="1" applyFill="1" applyBorder="1" applyAlignment="1">
      <alignment horizontal="center" vertical="center"/>
    </xf>
    <xf numFmtId="0" fontId="18" fillId="0" borderId="3" xfId="0" applyFont="1" applyBorder="1" applyAlignment="1" applyProtection="1">
      <alignment horizontal="center" vertical="center" wrapText="1"/>
      <protection locked="0"/>
    </xf>
    <xf numFmtId="0" fontId="8" fillId="0" borderId="32" xfId="0" applyFont="1" applyBorder="1" applyAlignment="1">
      <alignment vertical="center" wrapText="1"/>
    </xf>
    <xf numFmtId="0" fontId="8" fillId="0" borderId="22" xfId="0" applyFont="1" applyBorder="1" applyAlignment="1">
      <alignment vertical="center" wrapText="1"/>
    </xf>
    <xf numFmtId="0" fontId="8" fillId="0" borderId="23" xfId="0" applyFont="1" applyFill="1" applyBorder="1" applyAlignment="1">
      <alignment horizontal="center" vertical="center" wrapText="1"/>
    </xf>
    <xf numFmtId="0" fontId="8" fillId="0" borderId="22" xfId="0" applyFont="1" applyFill="1" applyBorder="1" applyAlignment="1">
      <alignment vertical="center" wrapText="1"/>
    </xf>
    <xf numFmtId="0" fontId="8" fillId="0" borderId="32" xfId="0" applyFont="1" applyFill="1" applyBorder="1" applyAlignment="1">
      <alignment vertical="center" wrapText="1"/>
    </xf>
    <xf numFmtId="0" fontId="8" fillId="0" borderId="27" xfId="0" applyFont="1" applyFill="1" applyBorder="1" applyAlignment="1">
      <alignment vertical="center" wrapText="1"/>
    </xf>
    <xf numFmtId="0" fontId="8" fillId="0" borderId="0" xfId="0" applyFont="1" applyBorder="1">
      <alignment vertical="center"/>
    </xf>
    <xf numFmtId="0" fontId="8" fillId="0" borderId="0" xfId="0" applyFont="1" applyBorder="1" applyAlignment="1">
      <alignment vertical="center" wrapText="1"/>
    </xf>
    <xf numFmtId="0" fontId="8" fillId="0" borderId="0" xfId="0" applyFont="1">
      <alignment vertical="center"/>
    </xf>
    <xf numFmtId="0" fontId="35" fillId="0" borderId="0" xfId="0" applyFont="1" applyBorder="1">
      <alignment vertical="center"/>
    </xf>
    <xf numFmtId="0" fontId="36" fillId="0" borderId="0" xfId="0" applyFont="1" applyBorder="1">
      <alignment vertical="center"/>
    </xf>
    <xf numFmtId="0" fontId="8" fillId="3" borderId="13" xfId="0" applyFont="1" applyFill="1" applyBorder="1" applyAlignment="1">
      <alignment horizontal="center" vertical="center"/>
    </xf>
    <xf numFmtId="0" fontId="8" fillId="3" borderId="17" xfId="0" applyFont="1" applyFill="1" applyBorder="1" applyAlignment="1">
      <alignment horizontal="center" vertical="center"/>
    </xf>
    <xf numFmtId="0" fontId="8" fillId="3" borderId="17" xfId="0" applyFont="1" applyFill="1" applyBorder="1" applyAlignment="1">
      <alignment horizontal="center" vertical="center" wrapText="1"/>
    </xf>
    <xf numFmtId="0" fontId="8" fillId="0" borderId="1" xfId="0" applyFont="1" applyFill="1" applyBorder="1">
      <alignment vertical="center"/>
    </xf>
    <xf numFmtId="0" fontId="8" fillId="0" borderId="21" xfId="0" applyFont="1" applyFill="1" applyBorder="1" applyAlignment="1">
      <alignment horizontal="center" vertical="center" wrapText="1"/>
    </xf>
    <xf numFmtId="0" fontId="8" fillId="0" borderId="21" xfId="0" applyFont="1" applyFill="1" applyBorder="1" applyAlignment="1">
      <alignment vertical="center" wrapText="1"/>
    </xf>
    <xf numFmtId="0" fontId="8" fillId="0" borderId="26" xfId="0" applyFont="1" applyFill="1" applyBorder="1">
      <alignment vertical="center"/>
    </xf>
    <xf numFmtId="0" fontId="8" fillId="0" borderId="0" xfId="0" applyFont="1" applyFill="1">
      <alignment vertical="center"/>
    </xf>
    <xf numFmtId="0" fontId="8" fillId="0" borderId="12" xfId="0" applyFont="1" applyFill="1" applyBorder="1">
      <alignment vertical="center"/>
    </xf>
    <xf numFmtId="0" fontId="8" fillId="0" borderId="12" xfId="11" applyFont="1" applyFill="1" applyBorder="1" applyAlignment="1">
      <alignment horizontal="center" vertical="center"/>
    </xf>
    <xf numFmtId="0" fontId="8" fillId="0" borderId="23" xfId="0" applyFont="1" applyFill="1" applyBorder="1" applyAlignment="1">
      <alignment vertical="center" wrapText="1"/>
    </xf>
    <xf numFmtId="0" fontId="8" fillId="0" borderId="33" xfId="0" applyFont="1" applyFill="1" applyBorder="1" applyAlignment="1">
      <alignment vertical="center" wrapText="1"/>
    </xf>
    <xf numFmtId="0" fontId="8" fillId="0" borderId="22" xfId="1" applyFont="1" applyFill="1" applyBorder="1" applyAlignment="1">
      <alignment horizontal="center" vertical="center" wrapText="1"/>
    </xf>
    <xf numFmtId="0" fontId="8" fillId="0" borderId="22" xfId="1" applyFont="1" applyFill="1" applyBorder="1" applyAlignment="1">
      <alignment vertical="center" wrapText="1"/>
    </xf>
    <xf numFmtId="0" fontId="8" fillId="0" borderId="22" xfId="0" applyFont="1" applyFill="1" applyBorder="1" applyAlignment="1">
      <alignment horizontal="center" vertical="center" wrapText="1"/>
    </xf>
    <xf numFmtId="0" fontId="8" fillId="0" borderId="10" xfId="0" applyFont="1" applyFill="1" applyBorder="1">
      <alignment vertical="center"/>
    </xf>
    <xf numFmtId="0" fontId="8" fillId="0" borderId="28" xfId="0" applyFont="1" applyFill="1" applyBorder="1" applyAlignment="1">
      <alignment horizontal="center" vertical="center" wrapText="1"/>
    </xf>
    <xf numFmtId="0" fontId="8" fillId="0" borderId="28" xfId="0" applyFont="1" applyFill="1" applyBorder="1" applyAlignment="1">
      <alignment vertical="center" wrapText="1"/>
    </xf>
    <xf numFmtId="0" fontId="8" fillId="0" borderId="5" xfId="0" applyFont="1" applyFill="1" applyBorder="1" applyAlignment="1">
      <alignment horizontal="center" vertical="center" wrapText="1"/>
    </xf>
    <xf numFmtId="0" fontId="8" fillId="0" borderId="5" xfId="0" applyFont="1" applyFill="1" applyBorder="1" applyAlignment="1">
      <alignment vertical="center" wrapText="1"/>
    </xf>
    <xf numFmtId="0" fontId="8" fillId="0" borderId="4" xfId="0" applyFont="1" applyFill="1" applyBorder="1" applyAlignment="1">
      <alignment vertical="center" wrapText="1"/>
    </xf>
    <xf numFmtId="0" fontId="8" fillId="0" borderId="22" xfId="0" applyFont="1" applyFill="1" applyBorder="1" applyAlignment="1">
      <alignment vertical="top" wrapText="1"/>
    </xf>
    <xf numFmtId="0" fontId="8" fillId="0" borderId="28" xfId="0" applyFont="1" applyFill="1" applyBorder="1" applyAlignment="1">
      <alignment horizontal="left" vertical="center" wrapText="1"/>
    </xf>
    <xf numFmtId="0" fontId="8" fillId="0" borderId="4" xfId="0" applyFont="1" applyFill="1" applyBorder="1" applyAlignment="1">
      <alignment horizontal="center" vertical="center" wrapText="1"/>
    </xf>
    <xf numFmtId="0" fontId="37" fillId="0" borderId="0" xfId="10" applyFont="1" applyBorder="1" applyAlignment="1">
      <alignment horizontal="left" vertical="top" wrapText="1"/>
    </xf>
    <xf numFmtId="0" fontId="18" fillId="0" borderId="11" xfId="0" applyFont="1" applyFill="1" applyBorder="1" applyAlignment="1" applyProtection="1">
      <alignment horizontal="center" vertical="center"/>
      <protection locked="0"/>
    </xf>
    <xf numFmtId="0" fontId="18" fillId="0" borderId="9" xfId="0" applyFont="1" applyFill="1" applyBorder="1" applyAlignment="1" applyProtection="1">
      <alignment horizontal="center" vertical="center"/>
      <protection locked="0"/>
    </xf>
    <xf numFmtId="0" fontId="8" fillId="0" borderId="27" xfId="0" applyFont="1" applyFill="1" applyBorder="1" applyAlignment="1">
      <alignment horizontal="center" vertical="center" wrapText="1"/>
    </xf>
    <xf numFmtId="0" fontId="8" fillId="0" borderId="23" xfId="0" applyFont="1" applyFill="1" applyBorder="1" applyAlignment="1">
      <alignment horizontal="left" vertical="center" wrapText="1"/>
    </xf>
    <xf numFmtId="0" fontId="18" fillId="4" borderId="0" xfId="2" applyFont="1" applyFill="1">
      <alignment vertical="center"/>
    </xf>
    <xf numFmtId="0" fontId="16" fillId="4" borderId="0" xfId="12" applyFont="1" applyFill="1">
      <alignment vertical="center"/>
    </xf>
    <xf numFmtId="0" fontId="17" fillId="4" borderId="0" xfId="12" applyFont="1" applyFill="1" applyAlignment="1">
      <alignment horizontal="right" vertical="center"/>
    </xf>
    <xf numFmtId="0" fontId="17" fillId="4" borderId="0" xfId="12" quotePrefix="1" applyFont="1" applyFill="1" applyAlignment="1">
      <alignment vertical="center"/>
    </xf>
    <xf numFmtId="0" fontId="17" fillId="4" borderId="0" xfId="12" quotePrefix="1" applyFont="1" applyFill="1" applyAlignment="1">
      <alignment horizontal="center" vertical="center"/>
    </xf>
    <xf numFmtId="0" fontId="18" fillId="4" borderId="0" xfId="2" applyFont="1" applyFill="1" applyAlignment="1">
      <alignment vertical="center" wrapText="1"/>
    </xf>
    <xf numFmtId="0" fontId="41" fillId="4" borderId="0" xfId="2" applyFont="1" applyFill="1" applyBorder="1" applyAlignment="1">
      <alignment horizontal="center" vertical="center" wrapText="1"/>
    </xf>
    <xf numFmtId="0" fontId="42" fillId="4" borderId="37" xfId="2" applyFont="1" applyFill="1" applyBorder="1" applyAlignment="1">
      <alignment horizontal="center" vertical="center" wrapText="1"/>
    </xf>
    <xf numFmtId="0" fontId="43" fillId="4" borderId="37" xfId="2" applyFont="1" applyFill="1" applyBorder="1" applyAlignment="1">
      <alignment horizontal="left" vertical="center" wrapText="1"/>
    </xf>
    <xf numFmtId="0" fontId="42" fillId="4" borderId="9" xfId="2" applyFont="1" applyFill="1" applyBorder="1" applyAlignment="1">
      <alignment horizontal="center" vertical="center" wrapText="1"/>
    </xf>
    <xf numFmtId="0" fontId="45" fillId="4" borderId="11" xfId="2" applyFont="1" applyFill="1" applyBorder="1" applyAlignment="1">
      <alignment horizontal="left" vertical="center" wrapText="1"/>
    </xf>
    <xf numFmtId="0" fontId="45" fillId="4" borderId="41" xfId="2" applyFont="1" applyFill="1" applyBorder="1" applyAlignment="1">
      <alignment horizontal="left" vertical="center" wrapText="1"/>
    </xf>
    <xf numFmtId="0" fontId="45" fillId="4" borderId="12" xfId="2" applyFont="1" applyFill="1" applyBorder="1" applyAlignment="1">
      <alignment horizontal="left" vertical="center" wrapText="1"/>
    </xf>
    <xf numFmtId="0" fontId="46" fillId="4" borderId="0" xfId="2" applyFont="1" applyFill="1">
      <alignment vertical="center"/>
    </xf>
    <xf numFmtId="0" fontId="46" fillId="4" borderId="0" xfId="2" applyFont="1" applyFill="1" applyBorder="1" applyAlignment="1">
      <alignment horizontal="center" vertical="center" wrapText="1"/>
    </xf>
    <xf numFmtId="0" fontId="46" fillId="4" borderId="9" xfId="2" applyFont="1" applyFill="1" applyBorder="1" applyAlignment="1">
      <alignment horizontal="center" vertical="center" wrapText="1"/>
    </xf>
    <xf numFmtId="0" fontId="47" fillId="4" borderId="0" xfId="2" applyFont="1" applyFill="1" applyBorder="1" applyAlignment="1">
      <alignment horizontal="center" vertical="center"/>
    </xf>
    <xf numFmtId="0" fontId="18" fillId="4" borderId="0" xfId="2" applyFont="1" applyFill="1" applyBorder="1" applyAlignment="1">
      <alignment horizontal="center" vertical="center"/>
    </xf>
    <xf numFmtId="0" fontId="18" fillId="4" borderId="0" xfId="2" applyFont="1" applyFill="1" applyBorder="1" applyAlignment="1">
      <alignment horizontal="center" vertical="center" wrapText="1"/>
    </xf>
    <xf numFmtId="0" fontId="48" fillId="4" borderId="0" xfId="2" applyFont="1" applyFill="1">
      <alignment vertical="center"/>
    </xf>
    <xf numFmtId="0" fontId="18" fillId="4" borderId="0" xfId="2" quotePrefix="1" applyFont="1" applyFill="1" applyBorder="1" applyAlignment="1">
      <alignment horizontal="left" vertical="center"/>
    </xf>
    <xf numFmtId="0" fontId="8" fillId="4" borderId="4" xfId="2" applyFont="1" applyFill="1" applyBorder="1" applyAlignment="1">
      <alignment horizontal="center" vertical="center"/>
    </xf>
    <xf numFmtId="0" fontId="13" fillId="4" borderId="9" xfId="2" applyFont="1" applyFill="1" applyBorder="1" applyAlignment="1">
      <alignment horizontal="left" vertical="center" wrapText="1"/>
    </xf>
    <xf numFmtId="0" fontId="50" fillId="4" borderId="0" xfId="2" applyFont="1" applyFill="1">
      <alignment vertical="center"/>
    </xf>
    <xf numFmtId="0" fontId="42" fillId="4" borderId="0" xfId="13" applyFont="1" applyFill="1">
      <alignment vertical="center"/>
    </xf>
    <xf numFmtId="0" fontId="18" fillId="4" borderId="0" xfId="13" applyFont="1" applyFill="1">
      <alignment vertical="center"/>
    </xf>
    <xf numFmtId="0" fontId="8" fillId="4" borderId="2" xfId="2" applyFont="1" applyFill="1" applyBorder="1" applyAlignment="1">
      <alignment horizontal="center" vertical="center"/>
    </xf>
    <xf numFmtId="0" fontId="8" fillId="4" borderId="14" xfId="2" applyFont="1" applyFill="1" applyBorder="1" applyAlignment="1">
      <alignment horizontal="center" vertical="center"/>
    </xf>
    <xf numFmtId="0" fontId="8" fillId="4" borderId="9" xfId="2" applyFont="1" applyFill="1" applyBorder="1" applyAlignment="1">
      <alignment horizontal="left" vertical="center"/>
    </xf>
    <xf numFmtId="0" fontId="51" fillId="4" borderId="0" xfId="13" applyFont="1" applyFill="1">
      <alignment vertical="center"/>
    </xf>
    <xf numFmtId="0" fontId="11" fillId="4" borderId="0" xfId="12" applyFont="1" applyFill="1">
      <alignment vertical="center"/>
    </xf>
    <xf numFmtId="0" fontId="11" fillId="4" borderId="0" xfId="12" applyFont="1" applyFill="1" applyBorder="1" applyAlignment="1">
      <alignment vertical="center"/>
    </xf>
    <xf numFmtId="0" fontId="11" fillId="4" borderId="0" xfId="12" applyFont="1" applyFill="1" applyBorder="1" applyAlignment="1">
      <alignment vertical="center" wrapText="1"/>
    </xf>
    <xf numFmtId="0" fontId="11" fillId="4" borderId="0" xfId="12" applyFont="1" applyFill="1" applyBorder="1">
      <alignment vertical="center"/>
    </xf>
    <xf numFmtId="0" fontId="16" fillId="4" borderId="0" xfId="12" applyFont="1" applyFill="1" applyBorder="1" applyAlignment="1">
      <alignment vertical="center"/>
    </xf>
    <xf numFmtId="0" fontId="16" fillId="4" borderId="0" xfId="12" applyFont="1" applyFill="1" applyBorder="1" applyAlignment="1">
      <alignment vertical="center" wrapText="1"/>
    </xf>
    <xf numFmtId="0" fontId="16" fillId="4" borderId="0" xfId="12" applyFont="1" applyFill="1" applyBorder="1">
      <alignment vertical="center"/>
    </xf>
    <xf numFmtId="0" fontId="11" fillId="4" borderId="0" xfId="12" applyFont="1" applyFill="1" applyBorder="1" applyAlignment="1">
      <alignment horizontal="center" vertical="center"/>
    </xf>
    <xf numFmtId="0" fontId="17" fillId="4" borderId="0" xfId="12" applyFont="1" applyFill="1" applyAlignment="1">
      <alignment horizontal="left" vertical="center"/>
    </xf>
    <xf numFmtId="0" fontId="8" fillId="4" borderId="0" xfId="12" applyFont="1" applyFill="1" applyBorder="1" applyAlignment="1">
      <alignment horizontal="left" vertical="center" wrapText="1"/>
    </xf>
    <xf numFmtId="0" fontId="53" fillId="4" borderId="0" xfId="12" applyFont="1" applyFill="1" applyAlignment="1">
      <alignment vertical="top"/>
    </xf>
    <xf numFmtId="0" fontId="16" fillId="4" borderId="0" xfId="12" applyFont="1" applyFill="1" applyAlignment="1">
      <alignment horizontal="left" vertical="top"/>
    </xf>
    <xf numFmtId="0" fontId="54" fillId="4" borderId="0" xfId="12" applyFont="1" applyFill="1" applyAlignment="1">
      <alignment vertical="top"/>
    </xf>
    <xf numFmtId="0" fontId="17" fillId="0" borderId="0" xfId="0" applyFont="1" applyFill="1" applyAlignment="1">
      <alignment horizontal="center" vertical="center"/>
    </xf>
    <xf numFmtId="0" fontId="17" fillId="0" borderId="0" xfId="0" applyFont="1" applyFill="1" applyAlignment="1">
      <alignment horizontal="left" vertical="center"/>
    </xf>
    <xf numFmtId="0" fontId="45" fillId="4" borderId="9" xfId="2" applyFont="1" applyFill="1" applyBorder="1" applyAlignment="1">
      <alignment horizontal="center" vertical="center" wrapText="1"/>
    </xf>
    <xf numFmtId="0" fontId="8" fillId="3" borderId="11" xfId="0" applyFont="1" applyFill="1" applyBorder="1" applyAlignment="1">
      <alignment horizontal="center" vertical="center" wrapText="1"/>
    </xf>
    <xf numFmtId="0" fontId="17" fillId="0" borderId="12" xfId="14" applyFont="1" applyBorder="1" applyAlignment="1">
      <alignment horizontal="center" vertical="center"/>
    </xf>
    <xf numFmtId="0" fontId="23" fillId="0" borderId="0" xfId="0" applyFont="1" applyFill="1" applyAlignment="1">
      <alignment horizontal="left" vertical="center" wrapText="1"/>
    </xf>
    <xf numFmtId="0" fontId="8" fillId="0" borderId="8" xfId="10" applyFont="1" applyBorder="1" applyAlignment="1">
      <alignment horizontal="left" vertical="top" wrapText="1"/>
    </xf>
    <xf numFmtId="0" fontId="8" fillId="0" borderId="0" xfId="10" applyFont="1" applyBorder="1" applyAlignment="1">
      <alignment horizontal="left" vertical="top" wrapText="1"/>
    </xf>
    <xf numFmtId="49" fontId="21" fillId="0" borderId="0" xfId="6" applyNumberFormat="1" applyFont="1" applyBorder="1" applyAlignment="1">
      <alignment horizontal="center" vertical="center"/>
    </xf>
    <xf numFmtId="0" fontId="8" fillId="0" borderId="0" xfId="6" applyFont="1" applyBorder="1" applyAlignment="1">
      <alignment horizontal="left" vertical="center" wrapText="1"/>
    </xf>
    <xf numFmtId="0" fontId="18" fillId="0" borderId="0" xfId="6" applyFont="1" applyBorder="1" applyAlignment="1">
      <alignment horizontal="left" wrapText="1"/>
    </xf>
    <xf numFmtId="0" fontId="16" fillId="0" borderId="0" xfId="6" applyFont="1" applyBorder="1" applyAlignment="1">
      <alignment horizontal="right" vertical="center" wrapText="1"/>
    </xf>
    <xf numFmtId="0" fontId="13" fillId="0" borderId="0" xfId="6" applyFont="1" applyBorder="1" applyAlignment="1">
      <alignment horizontal="left" vertical="center" wrapText="1"/>
    </xf>
    <xf numFmtId="0" fontId="33" fillId="0" borderId="0" xfId="6" applyFont="1" applyBorder="1" applyAlignment="1">
      <alignment horizontal="left" vertical="center" wrapText="1"/>
    </xf>
    <xf numFmtId="0" fontId="34" fillId="0" borderId="0" xfId="6" applyFont="1" applyBorder="1" applyAlignment="1">
      <alignment horizontal="left" vertical="center" wrapText="1"/>
    </xf>
    <xf numFmtId="0" fontId="18" fillId="0" borderId="0" xfId="6" applyFont="1" applyBorder="1" applyAlignment="1">
      <alignment horizontal="right" vertical="center" wrapText="1"/>
    </xf>
    <xf numFmtId="0" fontId="16" fillId="0" borderId="0" xfId="6" applyFont="1" applyBorder="1" applyAlignment="1">
      <alignment horizontal="left" wrapText="1"/>
    </xf>
    <xf numFmtId="0" fontId="24" fillId="0" borderId="0" xfId="6" applyFont="1" applyBorder="1" applyAlignment="1">
      <alignment horizontal="left" vertical="center" wrapText="1"/>
    </xf>
    <xf numFmtId="0" fontId="18" fillId="0" borderId="9" xfId="0" applyNumberFormat="1" applyFont="1" applyFill="1" applyBorder="1" applyAlignment="1" applyProtection="1">
      <alignment horizontal="center" vertical="center" wrapText="1"/>
      <protection locked="0"/>
    </xf>
    <xf numFmtId="0" fontId="16" fillId="0" borderId="9" xfId="6" applyFont="1" applyBorder="1" applyAlignment="1" applyProtection="1">
      <alignment horizontal="center" vertical="center"/>
      <protection locked="0"/>
    </xf>
    <xf numFmtId="0" fontId="11" fillId="0" borderId="0" xfId="6" applyFont="1" applyBorder="1" applyAlignment="1">
      <alignment horizontal="left" vertical="center" wrapText="1"/>
    </xf>
    <xf numFmtId="0" fontId="26" fillId="0" borderId="0" xfId="6" applyFont="1" applyBorder="1" applyAlignment="1">
      <alignment horizontal="left" wrapText="1"/>
    </xf>
    <xf numFmtId="0" fontId="30" fillId="0" borderId="0" xfId="0" applyFont="1" applyFill="1" applyBorder="1" applyAlignment="1" applyProtection="1">
      <alignment horizontal="left" shrinkToFit="1"/>
      <protection locked="0"/>
    </xf>
    <xf numFmtId="0" fontId="30" fillId="0" borderId="5" xfId="0" applyFont="1" applyFill="1" applyBorder="1" applyAlignment="1" applyProtection="1">
      <alignment horizontal="left" shrinkToFit="1"/>
      <protection locked="0"/>
    </xf>
    <xf numFmtId="0" fontId="18" fillId="0" borderId="0" xfId="3" applyFont="1" applyFill="1" applyBorder="1" applyAlignment="1" applyProtection="1">
      <alignment horizontal="center"/>
    </xf>
    <xf numFmtId="0" fontId="18" fillId="0" borderId="0" xfId="3" applyFont="1" applyFill="1" applyAlignment="1" applyProtection="1">
      <alignment horizontal="center"/>
    </xf>
    <xf numFmtId="0" fontId="21" fillId="0" borderId="0" xfId="0" applyFont="1" applyBorder="1" applyAlignment="1">
      <alignment horizontal="left" vertical="center" wrapText="1"/>
    </xf>
    <xf numFmtId="0" fontId="16" fillId="0" borderId="15" xfId="6" applyFont="1" applyBorder="1" applyAlignment="1">
      <alignment horizontal="center" vertical="center" wrapText="1"/>
    </xf>
    <xf numFmtId="0" fontId="16" fillId="0" borderId="16" xfId="6" applyFont="1" applyBorder="1" applyAlignment="1">
      <alignment horizontal="center" vertical="center" wrapText="1"/>
    </xf>
    <xf numFmtId="0" fontId="16" fillId="0" borderId="17" xfId="6" applyFont="1" applyBorder="1" applyAlignment="1">
      <alignment horizontal="center" vertical="center" wrapText="1"/>
    </xf>
    <xf numFmtId="0" fontId="18" fillId="0" borderId="11" xfId="0" applyFont="1" applyFill="1" applyBorder="1" applyAlignment="1" applyProtection="1">
      <alignment horizontal="center" vertical="center" wrapText="1"/>
      <protection locked="0"/>
    </xf>
    <xf numFmtId="0" fontId="18" fillId="0" borderId="10" xfId="0" applyFont="1" applyFill="1" applyBorder="1" applyAlignment="1" applyProtection="1">
      <alignment horizontal="center" vertical="center" wrapText="1"/>
      <protection locked="0"/>
    </xf>
    <xf numFmtId="0" fontId="18" fillId="0" borderId="12" xfId="0" applyFont="1" applyFill="1" applyBorder="1" applyAlignment="1" applyProtection="1">
      <alignment horizontal="center" vertical="center" wrapText="1"/>
      <protection locked="0"/>
    </xf>
    <xf numFmtId="0" fontId="18" fillId="0" borderId="11" xfId="0" applyFont="1" applyFill="1" applyBorder="1" applyAlignment="1" applyProtection="1">
      <alignment horizontal="center" vertical="center"/>
      <protection locked="0"/>
    </xf>
    <xf numFmtId="0" fontId="18" fillId="0" borderId="12" xfId="0" applyFont="1" applyFill="1" applyBorder="1" applyAlignment="1" applyProtection="1">
      <alignment horizontal="center" vertical="center"/>
      <protection locked="0"/>
    </xf>
    <xf numFmtId="0" fontId="18" fillId="0" borderId="10" xfId="0" applyFont="1" applyFill="1" applyBorder="1" applyAlignment="1" applyProtection="1">
      <alignment horizontal="center" vertical="center"/>
      <protection locked="0"/>
    </xf>
    <xf numFmtId="0" fontId="18" fillId="0" borderId="9" xfId="0" applyFont="1" applyFill="1" applyBorder="1" applyAlignment="1" applyProtection="1">
      <alignment horizontal="center" vertical="center"/>
      <protection locked="0"/>
    </xf>
    <xf numFmtId="0" fontId="0" fillId="0" borderId="9" xfId="0" applyBorder="1" applyAlignment="1" applyProtection="1">
      <alignment horizontal="center" vertical="center"/>
      <protection locked="0"/>
    </xf>
    <xf numFmtId="0" fontId="8" fillId="4" borderId="0" xfId="2" applyFont="1" applyFill="1" applyAlignment="1">
      <alignment horizontal="center" vertical="center"/>
    </xf>
    <xf numFmtId="0" fontId="46" fillId="4" borderId="50" xfId="2" applyFont="1" applyFill="1" applyBorder="1" applyAlignment="1">
      <alignment horizontal="center" vertical="center" wrapText="1"/>
    </xf>
    <xf numFmtId="0" fontId="46" fillId="4" borderId="45" xfId="2" applyFont="1" applyFill="1" applyBorder="1" applyAlignment="1">
      <alignment horizontal="center" vertical="center" wrapText="1"/>
    </xf>
    <xf numFmtId="0" fontId="43" fillId="4" borderId="41" xfId="2" applyFont="1" applyFill="1" applyBorder="1" applyAlignment="1">
      <alignment horizontal="center" vertical="center" wrapText="1"/>
    </xf>
    <xf numFmtId="0" fontId="43" fillId="4" borderId="10" xfId="2" applyFont="1" applyFill="1" applyBorder="1" applyAlignment="1">
      <alignment horizontal="center" vertical="center" wrapText="1"/>
    </xf>
    <xf numFmtId="0" fontId="42" fillId="4" borderId="42" xfId="2" applyFont="1" applyFill="1" applyBorder="1" applyAlignment="1">
      <alignment horizontal="center" vertical="center" wrapText="1"/>
    </xf>
    <xf numFmtId="0" fontId="42" fillId="4" borderId="40" xfId="2" applyFont="1" applyFill="1" applyBorder="1" applyAlignment="1">
      <alignment horizontal="center" vertical="center" wrapText="1"/>
    </xf>
    <xf numFmtId="0" fontId="42" fillId="4" borderId="38" xfId="2" applyFont="1" applyFill="1" applyBorder="1" applyAlignment="1">
      <alignment horizontal="center" vertical="center" wrapText="1"/>
    </xf>
    <xf numFmtId="0" fontId="42" fillId="4" borderId="11" xfId="2" applyFont="1" applyFill="1" applyBorder="1" applyAlignment="1">
      <alignment horizontal="center" vertical="center" wrapText="1"/>
    </xf>
    <xf numFmtId="0" fontId="42" fillId="4" borderId="12" xfId="2" applyFont="1" applyFill="1" applyBorder="1" applyAlignment="1">
      <alignment horizontal="center" vertical="center" wrapText="1"/>
    </xf>
    <xf numFmtId="0" fontId="42" fillId="4" borderId="36" xfId="2" applyFont="1" applyFill="1" applyBorder="1" applyAlignment="1">
      <alignment horizontal="center" vertical="center" wrapText="1"/>
    </xf>
    <xf numFmtId="0" fontId="47" fillId="4" borderId="11" xfId="2" applyFont="1" applyFill="1" applyBorder="1" applyAlignment="1">
      <alignment horizontal="center" vertical="center"/>
    </xf>
    <xf numFmtId="0" fontId="47" fillId="4" borderId="12" xfId="2" applyFont="1" applyFill="1" applyBorder="1" applyAlignment="1">
      <alignment horizontal="center" vertical="center"/>
    </xf>
    <xf numFmtId="0" fontId="47" fillId="4" borderId="10" xfId="2" applyFont="1" applyFill="1" applyBorder="1" applyAlignment="1">
      <alignment horizontal="center" vertical="center"/>
    </xf>
    <xf numFmtId="0" fontId="45" fillId="4" borderId="46" xfId="2" applyFont="1" applyFill="1" applyBorder="1" applyAlignment="1">
      <alignment horizontal="center" vertical="center" wrapText="1"/>
    </xf>
    <xf numFmtId="0" fontId="45" fillId="4" borderId="44" xfId="2" applyFont="1" applyFill="1" applyBorder="1" applyAlignment="1">
      <alignment horizontal="center" vertical="center" wrapText="1"/>
    </xf>
    <xf numFmtId="0" fontId="43" fillId="4" borderId="41" xfId="2" applyFont="1" applyFill="1" applyBorder="1" applyAlignment="1">
      <alignment horizontal="center" vertical="center" wrapText="1" shrinkToFit="1"/>
    </xf>
    <xf numFmtId="0" fontId="43" fillId="4" borderId="10" xfId="2" applyFont="1" applyFill="1" applyBorder="1" applyAlignment="1">
      <alignment horizontal="center" vertical="center" wrapText="1" shrinkToFit="1"/>
    </xf>
    <xf numFmtId="0" fontId="49" fillId="4" borderId="55" xfId="12" applyFont="1" applyFill="1" applyBorder="1" applyAlignment="1">
      <alignment horizontal="center" vertical="center"/>
    </xf>
    <xf numFmtId="0" fontId="11" fillId="4" borderId="54" xfId="12" applyFont="1" applyFill="1" applyBorder="1" applyAlignment="1">
      <alignment horizontal="center" vertical="center"/>
    </xf>
    <xf numFmtId="0" fontId="42" fillId="4" borderId="53" xfId="12" applyFont="1" applyFill="1" applyBorder="1" applyAlignment="1">
      <alignment horizontal="center" vertical="center" wrapText="1"/>
    </xf>
    <xf numFmtId="0" fontId="42" fillId="4" borderId="52" xfId="12" applyFont="1" applyFill="1" applyBorder="1" applyAlignment="1">
      <alignment horizontal="center" vertical="center" wrapText="1"/>
    </xf>
    <xf numFmtId="0" fontId="42" fillId="4" borderId="51" xfId="12" applyFont="1" applyFill="1" applyBorder="1" applyAlignment="1">
      <alignment horizontal="center" vertical="center" wrapText="1"/>
    </xf>
    <xf numFmtId="0" fontId="46" fillId="4" borderId="41" xfId="2" applyFont="1" applyFill="1" applyBorder="1" applyAlignment="1">
      <alignment horizontal="center" vertical="center" wrapText="1"/>
    </xf>
    <xf numFmtId="0" fontId="46" fillId="4" borderId="10" xfId="2" applyFont="1" applyFill="1" applyBorder="1" applyAlignment="1">
      <alignment horizontal="center" vertical="center" wrapText="1"/>
    </xf>
    <xf numFmtId="0" fontId="45" fillId="4" borderId="47" xfId="2" applyFont="1" applyFill="1" applyBorder="1" applyAlignment="1">
      <alignment horizontal="center" vertical="center" wrapText="1"/>
    </xf>
    <xf numFmtId="0" fontId="45" fillId="4" borderId="9" xfId="2" applyFont="1" applyFill="1" applyBorder="1" applyAlignment="1">
      <alignment horizontal="center" vertical="center" wrapText="1"/>
    </xf>
    <xf numFmtId="0" fontId="46" fillId="4" borderId="49" xfId="2" applyFont="1" applyFill="1" applyBorder="1" applyAlignment="1">
      <alignment horizontal="center" vertical="center" wrapText="1"/>
    </xf>
    <xf numFmtId="0" fontId="46" fillId="4" borderId="48" xfId="2" applyFont="1" applyFill="1" applyBorder="1" applyAlignment="1">
      <alignment horizontal="center" vertical="center" wrapText="1"/>
    </xf>
    <xf numFmtId="0" fontId="46" fillId="4" borderId="56" xfId="2" applyFont="1" applyFill="1" applyBorder="1" applyAlignment="1">
      <alignment horizontal="center" vertical="center" wrapText="1"/>
    </xf>
    <xf numFmtId="0" fontId="43" fillId="4" borderId="47" xfId="2" applyFont="1" applyFill="1" applyBorder="1" applyAlignment="1">
      <alignment horizontal="center" vertical="center" wrapText="1"/>
    </xf>
    <xf numFmtId="0" fontId="43" fillId="4" borderId="9" xfId="2" applyFont="1" applyFill="1" applyBorder="1" applyAlignment="1">
      <alignment horizontal="center" vertical="center" wrapText="1"/>
    </xf>
    <xf numFmtId="0" fontId="42" fillId="4" borderId="39" xfId="2" applyFont="1" applyFill="1" applyBorder="1" applyAlignment="1">
      <alignment horizontal="center" vertical="center" wrapText="1"/>
    </xf>
    <xf numFmtId="0" fontId="42" fillId="4" borderId="35" xfId="2" applyFont="1" applyFill="1" applyBorder="1" applyAlignment="1">
      <alignment horizontal="center" vertical="center" wrapText="1"/>
    </xf>
    <xf numFmtId="0" fontId="42" fillId="4" borderId="43" xfId="2" applyFont="1" applyFill="1" applyBorder="1" applyAlignment="1">
      <alignment horizontal="center" vertical="center" wrapText="1"/>
    </xf>
    <xf numFmtId="0" fontId="8" fillId="0" borderId="0" xfId="0" applyFont="1" applyBorder="1" applyAlignment="1">
      <alignment horizontal="left" vertical="center" wrapText="1"/>
    </xf>
    <xf numFmtId="0" fontId="8" fillId="3" borderId="11" xfId="0" applyFont="1" applyFill="1" applyBorder="1" applyAlignment="1">
      <alignment horizontal="center" vertical="center" wrapText="1"/>
    </xf>
    <xf numFmtId="0" fontId="0" fillId="0" borderId="24" xfId="0" applyBorder="1" applyAlignment="1">
      <alignment horizontal="center" vertical="center" wrapText="1"/>
    </xf>
    <xf numFmtId="0" fontId="8" fillId="4" borderId="6" xfId="2" applyFont="1" applyFill="1" applyBorder="1" applyAlignment="1">
      <alignment horizontal="center" vertical="center"/>
    </xf>
    <xf numFmtId="0" fontId="8" fillId="4" borderId="14" xfId="2" applyFont="1" applyFill="1" applyBorder="1" applyAlignment="1">
      <alignment horizontal="center" vertical="center"/>
    </xf>
    <xf numFmtId="0" fontId="8" fillId="4" borderId="3" xfId="2" applyFont="1" applyFill="1" applyBorder="1" applyAlignment="1">
      <alignment horizontal="center" vertical="center"/>
    </xf>
    <xf numFmtId="0" fontId="8" fillId="4" borderId="4" xfId="2" applyFont="1" applyFill="1" applyBorder="1" applyAlignment="1">
      <alignment horizontal="center" vertical="center"/>
    </xf>
    <xf numFmtId="0" fontId="8" fillId="4" borderId="9" xfId="2" applyFont="1" applyFill="1" applyBorder="1" applyAlignment="1">
      <alignment horizontal="center" vertical="center"/>
    </xf>
  </cellXfs>
  <cellStyles count="15">
    <cellStyle name="Arial 9" xfId="7"/>
    <cellStyle name="標準" xfId="0" builtinId="0"/>
    <cellStyle name="標準 2" xfId="1"/>
    <cellStyle name="標準 2 2" xfId="10"/>
    <cellStyle name="標準 3" xfId="2"/>
    <cellStyle name="標準 4" xfId="4"/>
    <cellStyle name="標準 4 2" xfId="12"/>
    <cellStyle name="標準 5" xfId="5"/>
    <cellStyle name="標準 6" xfId="6"/>
    <cellStyle name="標準 6 2" xfId="9"/>
    <cellStyle name="標準 6 2 2" xfId="11"/>
    <cellStyle name="標準 6 3" xfId="14"/>
    <cellStyle name="標準 7" xfId="8"/>
    <cellStyle name="標準_sheet2.2e" xfId="3"/>
    <cellStyle name="標準_エビデンスデータ様式" xfId="13"/>
  </cellStyles>
  <dxfs count="107">
    <dxf>
      <font>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b val="0"/>
        <i val="0"/>
        <color theme="1"/>
      </font>
      <fill>
        <patternFill>
          <bgColor theme="8" tint="0.79998168889431442"/>
        </patternFill>
      </fill>
    </dxf>
    <dxf>
      <font>
        <b/>
        <i val="0"/>
        <color theme="0"/>
      </font>
      <fill>
        <patternFill>
          <bgColor rgb="FFFF0000"/>
        </patternFill>
      </fill>
    </dxf>
    <dxf>
      <font>
        <color theme="1"/>
      </font>
      <fill>
        <patternFill>
          <bgColor theme="8" tint="0.79998168889431442"/>
        </patternFill>
      </fill>
    </dxf>
    <dxf>
      <font>
        <b/>
        <i val="0"/>
        <color theme="0"/>
      </font>
      <fill>
        <patternFill>
          <bgColor rgb="FFFF0000"/>
        </patternFill>
      </fill>
    </dxf>
    <dxf>
      <font>
        <b/>
        <i val="0"/>
        <color theme="0"/>
      </font>
      <fill>
        <patternFill>
          <bgColor rgb="FFFF0000"/>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val="0"/>
        <i val="0"/>
        <color theme="1"/>
      </font>
      <fill>
        <patternFill>
          <bgColor theme="8" tint="0.79998168889431442"/>
        </patternFill>
      </fill>
    </dxf>
    <dxf>
      <font>
        <b/>
        <i val="0"/>
        <color theme="0"/>
      </font>
      <fill>
        <patternFill>
          <bgColor rgb="FFFF0000"/>
        </patternFill>
      </fill>
    </dxf>
    <dxf>
      <font>
        <b/>
        <i val="0"/>
        <color auto="1"/>
      </font>
      <fill>
        <patternFill>
          <bgColor theme="9" tint="0.59996337778862885"/>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auto="1"/>
      </font>
      <fill>
        <patternFill>
          <bgColor theme="9" tint="0.59996337778862885"/>
        </patternFill>
      </fill>
    </dxf>
    <dxf>
      <font>
        <b/>
        <i val="0"/>
        <color auto="1"/>
      </font>
      <fill>
        <patternFill>
          <bgColor theme="9" tint="0.59996337778862885"/>
        </patternFill>
      </fill>
    </dxf>
    <dxf>
      <font>
        <b/>
        <i val="0"/>
        <color auto="1"/>
      </font>
      <fill>
        <patternFill>
          <bgColor theme="9" tint="0.59996337778862885"/>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
      <font>
        <b/>
        <i val="0"/>
        <color theme="0"/>
      </font>
      <fill>
        <patternFill>
          <bgColor rgb="FFFF0000"/>
        </patternFill>
      </fill>
    </dxf>
  </dxfs>
  <tableStyles count="0" defaultTableStyle="TableStyleMedium9" defaultPivotStyle="PivotStyleLight16"/>
  <colors>
    <mruColors>
      <color rgb="FF0000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oneCellAnchor>
    <xdr:from>
      <xdr:col>0</xdr:col>
      <xdr:colOff>1</xdr:colOff>
      <xdr:row>0</xdr:row>
      <xdr:rowOff>0</xdr:rowOff>
    </xdr:from>
    <xdr:ext cx="3590924" cy="390524"/>
    <xdr:sp macro="" textlink="">
      <xdr:nvSpPr>
        <xdr:cNvPr id="2" name="Text Box 15"/>
        <xdr:cNvSpPr txBox="1">
          <a:spLocks noChangeArrowheads="1"/>
        </xdr:cNvSpPr>
      </xdr:nvSpPr>
      <xdr:spPr bwMode="auto">
        <a:xfrm>
          <a:off x="1" y="0"/>
          <a:ext cx="3590924" cy="390524"/>
        </a:xfrm>
        <a:prstGeom prst="rect">
          <a:avLst/>
        </a:prstGeom>
        <a:noFill/>
        <a:ln w="9525">
          <a:noFill/>
          <a:miter lim="800000"/>
          <a:headEnd/>
          <a:tailEnd/>
        </a:ln>
      </xdr:spPr>
      <xdr:txBody>
        <a:bodyPr vertOverflow="clip" wrap="square" lIns="36576" tIns="32004" rIns="0" bIns="0" anchor="t" upright="1"/>
        <a:lstStyle/>
        <a:p>
          <a:pPr algn="l" rtl="0">
            <a:defRPr sz="1000"/>
          </a:pPr>
          <a:r>
            <a:rPr lang="en-US" altLang="ja-JP" sz="1600" b="1" i="0" u="none" strike="noStrike" baseline="0">
              <a:solidFill>
                <a:srgbClr val="000000"/>
              </a:solidFill>
              <a:latin typeface="Arial"/>
              <a:cs typeface="Arial"/>
            </a:rPr>
            <a:t>Analysis Data List for RoHS</a:t>
          </a:r>
        </a:p>
      </xdr:txBody>
    </xdr:sp>
    <xdr:clientData/>
  </xdr:oneCellAnchor>
  <xdr:oneCellAnchor>
    <xdr:from>
      <xdr:col>1</xdr:col>
      <xdr:colOff>9525</xdr:colOff>
      <xdr:row>6</xdr:row>
      <xdr:rowOff>104775</xdr:rowOff>
    </xdr:from>
    <xdr:ext cx="2064027" cy="170560"/>
    <xdr:sp macro="" textlink="">
      <xdr:nvSpPr>
        <xdr:cNvPr id="3" name="Text Box 16"/>
        <xdr:cNvSpPr txBox="1">
          <a:spLocks noChangeArrowheads="1"/>
        </xdr:cNvSpPr>
      </xdr:nvSpPr>
      <xdr:spPr bwMode="auto">
        <a:xfrm>
          <a:off x="619125" y="1019175"/>
          <a:ext cx="2064027" cy="170560"/>
        </a:xfrm>
        <a:prstGeom prst="rect">
          <a:avLst/>
        </a:prstGeom>
        <a:noFill/>
        <a:ln w="9525">
          <a:noFill/>
          <a:miter lim="800000"/>
          <a:headEnd/>
          <a:tailEnd/>
        </a:ln>
      </xdr:spPr>
      <xdr:txBody>
        <a:bodyPr wrap="none" lIns="18288" tIns="22860" rIns="0" bIns="0" anchor="t" upright="1">
          <a:spAutoFit/>
        </a:bodyPr>
        <a:lstStyle/>
        <a:p>
          <a:pPr algn="l" rtl="0">
            <a:defRPr sz="1000"/>
          </a:pPr>
          <a:r>
            <a:rPr lang="en-US" altLang="ja-JP" sz="1000" b="0" i="0" u="sng" strike="noStrike" baseline="0">
              <a:solidFill>
                <a:sysClr val="windowText" lastClr="000000"/>
              </a:solidFill>
              <a:latin typeface="Arial"/>
              <a:cs typeface="Arial"/>
            </a:rPr>
            <a:t>Analysis for 10 substances of RoHS</a:t>
          </a:r>
        </a:p>
      </xdr:txBody>
    </xdr:sp>
    <xdr:clientData/>
  </xdr:oneCellAnchor>
  <xdr:twoCellAnchor>
    <xdr:from>
      <xdr:col>7</xdr:col>
      <xdr:colOff>828675</xdr:colOff>
      <xdr:row>1</xdr:row>
      <xdr:rowOff>9524</xdr:rowOff>
    </xdr:from>
    <xdr:to>
      <xdr:col>18</xdr:col>
      <xdr:colOff>209551</xdr:colOff>
      <xdr:row>7</xdr:row>
      <xdr:rowOff>28575</xdr:rowOff>
    </xdr:to>
    <xdr:sp macro="" textlink="">
      <xdr:nvSpPr>
        <xdr:cNvPr id="4" name="Text Box 20"/>
        <xdr:cNvSpPr txBox="1">
          <a:spLocks noChangeArrowheads="1"/>
        </xdr:cNvSpPr>
      </xdr:nvSpPr>
      <xdr:spPr bwMode="auto">
        <a:xfrm>
          <a:off x="5391150" y="304799"/>
          <a:ext cx="6162676" cy="1400176"/>
        </a:xfrm>
        <a:prstGeom prst="rect">
          <a:avLst/>
        </a:prstGeom>
        <a:solidFill>
          <a:srgbClr val="FFFFFF"/>
        </a:solidFill>
        <a:ln w="9525">
          <a:solidFill>
            <a:srgbClr val="000000"/>
          </a:solidFill>
          <a:miter lim="800000"/>
          <a:headEnd/>
          <a:tailEnd/>
        </a:ln>
      </xdr:spPr>
      <xdr:txBody>
        <a:bodyPr vertOverflow="clip" wrap="square" lIns="27432" tIns="22860" rIns="0" bIns="0" anchor="ctr" upright="1"/>
        <a:lstStyle/>
        <a:p>
          <a:pPr algn="l" rtl="0">
            <a:defRPr sz="1000"/>
          </a:pPr>
          <a:r>
            <a:rPr lang="en-US" altLang="ja-JP" sz="700" b="0" i="0" u="none" strike="noStrike" baseline="0">
              <a:solidFill>
                <a:srgbClr val="000000"/>
              </a:solidFill>
              <a:latin typeface="Arial"/>
              <a:cs typeface="Arial"/>
            </a:rPr>
            <a:t>Note 1: Enter "-" in spaces where entry is unnecessary.</a:t>
          </a:r>
        </a:p>
        <a:p>
          <a:pPr algn="l" rtl="0">
            <a:defRPr sz="1000"/>
          </a:pPr>
          <a:r>
            <a:rPr lang="en-US" altLang="ja-JP" sz="700" b="0" i="0" u="none" strike="noStrike" baseline="0">
              <a:solidFill>
                <a:srgbClr val="000000"/>
              </a:solidFill>
              <a:latin typeface="Arial"/>
              <a:cs typeface="Arial"/>
            </a:rPr>
            <a:t>Note 2: Mandatory entry items differ depending on the analysis method, so please be careful.</a:t>
          </a:r>
        </a:p>
        <a:p>
          <a:pPr algn="l" rtl="0">
            <a:defRPr sz="1000"/>
          </a:pPr>
          <a:r>
            <a:rPr lang="en-US" altLang="ja-JP" sz="700" b="0" i="0" u="none" strike="noStrike" baseline="0">
              <a:solidFill>
                <a:srgbClr val="000000"/>
              </a:solidFill>
              <a:latin typeface="Arial"/>
              <a:cs typeface="Arial"/>
            </a:rPr>
            <a:t>           - Mandatory entry items for the X-ray fluorescence analysis method:(1) Measurement results (ppm</a:t>
          </a:r>
          <a:r>
            <a:rPr lang="en-US" altLang="ja-JP" sz="700" b="0" i="0" u="none" strike="noStrike" baseline="0">
              <a:solidFill>
                <a:srgbClr val="000000"/>
              </a:solidFill>
              <a:latin typeface="Arial" pitchFamily="34" charset="0"/>
              <a:cs typeface="Arial" pitchFamily="34" charset="0"/>
            </a:rPr>
            <a:t>), </a:t>
          </a:r>
          <a:r>
            <a:rPr lang="en-US" altLang="ja-JP" sz="700" b="0" i="0" baseline="0">
              <a:latin typeface="Arial" pitchFamily="34" charset="0"/>
              <a:ea typeface="+mn-ea"/>
              <a:cs typeface="Arial" pitchFamily="34" charset="0"/>
            </a:rPr>
            <a:t>(2) 3</a:t>
          </a:r>
          <a:r>
            <a:rPr lang="el-GR" altLang="ja-JP" sz="700" b="0" i="0" baseline="0">
              <a:latin typeface="Arial" pitchFamily="34" charset="0"/>
              <a:ea typeface="+mn-ea"/>
              <a:cs typeface="Arial" pitchFamily="34" charset="0"/>
            </a:rPr>
            <a:t>σ </a:t>
          </a:r>
          <a:r>
            <a:rPr lang="en-US" altLang="ja-JP" sz="700" b="0" i="0" baseline="0">
              <a:latin typeface="Arial" pitchFamily="34" charset="0"/>
              <a:ea typeface="+mn-ea"/>
              <a:cs typeface="Arial" pitchFamily="34" charset="0"/>
            </a:rPr>
            <a:t>value (ppm), </a:t>
          </a:r>
          <a:endParaRPr lang="en-US" altLang="ja-JP" sz="700" b="0" i="0" u="none" strike="noStrike" baseline="0">
            <a:solidFill>
              <a:srgbClr val="000000"/>
            </a:solidFill>
            <a:latin typeface="Arial" pitchFamily="34" charset="0"/>
            <a:cs typeface="Arial" pitchFamily="34" charset="0"/>
          </a:endParaRPr>
        </a:p>
        <a:p>
          <a:pPr algn="l" rtl="0">
            <a:defRPr sz="1000"/>
          </a:pPr>
          <a:r>
            <a:rPr lang="en-US" altLang="ja-JP" sz="700" b="0" i="0" u="none" strike="noStrike" baseline="0">
              <a:solidFill>
                <a:srgbClr val="000000"/>
              </a:solidFill>
              <a:latin typeface="Arial"/>
              <a:cs typeface="Arial"/>
            </a:rPr>
            <a:t>             (3) Determination method, (4) Measurement time (sec)</a:t>
          </a:r>
        </a:p>
        <a:p>
          <a:pPr algn="l" rtl="0">
            <a:defRPr sz="1000"/>
          </a:pPr>
          <a:r>
            <a:rPr lang="en-US" altLang="ja-JP" sz="700" b="0" i="0" u="none" strike="noStrike" baseline="0">
              <a:solidFill>
                <a:srgbClr val="000000"/>
              </a:solidFill>
              <a:latin typeface="Arial"/>
              <a:cs typeface="Arial"/>
            </a:rPr>
            <a:t>           - Mandatory entry item for other analysis methods: (5) Precision measurement results (ppm)</a:t>
          </a:r>
        </a:p>
        <a:p>
          <a:pPr algn="l" rtl="0">
            <a:defRPr sz="1000"/>
          </a:pPr>
          <a:r>
            <a:rPr lang="en-US" altLang="ja-JP" sz="700" b="0" i="0" u="none" strike="noStrike" baseline="0">
              <a:solidFill>
                <a:srgbClr val="000000"/>
              </a:solidFill>
              <a:latin typeface="Arial"/>
              <a:cs typeface="Arial"/>
            </a:rPr>
            <a:t>Note 3: If a part or material has clearly been made from the same component material, it shall be possible</a:t>
          </a:r>
          <a:r>
            <a:rPr lang="ja-JP" altLang="en-US" sz="700" b="0" i="0" u="none" strike="noStrike" baseline="0">
              <a:solidFill>
                <a:srgbClr val="000000"/>
              </a:solidFill>
              <a:latin typeface="Arial"/>
              <a:cs typeface="Arial"/>
            </a:rPr>
            <a:t>　</a:t>
          </a:r>
          <a:r>
            <a:rPr lang="en-US" altLang="ja-JP" sz="700" b="0" i="0" u="none" strike="noStrike" baseline="0">
              <a:solidFill>
                <a:srgbClr val="000000"/>
              </a:solidFill>
              <a:latin typeface="Arial" pitchFamily="34" charset="0"/>
              <a:cs typeface="Arial" pitchFamily="34" charset="0"/>
            </a:rPr>
            <a:t>t</a:t>
          </a:r>
          <a:r>
            <a:rPr lang="en-US" altLang="ja-JP" sz="700" b="0" i="0" baseline="0">
              <a:latin typeface="Arial" pitchFamily="34" charset="0"/>
              <a:ea typeface="+mn-ea"/>
              <a:cs typeface="Arial" pitchFamily="34" charset="0"/>
            </a:rPr>
            <a:t>o substitute with analysis data </a:t>
          </a:r>
          <a:endParaRPr lang="en-US" altLang="ja-JP" sz="700" b="0" i="0" u="none" strike="noStrike" baseline="0">
            <a:solidFill>
              <a:srgbClr val="000000"/>
            </a:solidFill>
            <a:latin typeface="Arial" pitchFamily="34" charset="0"/>
            <a:cs typeface="Arial" pitchFamily="34" charset="0"/>
          </a:endParaRPr>
        </a:p>
        <a:p>
          <a:pPr algn="l" rtl="0">
            <a:defRPr sz="1000"/>
          </a:pPr>
          <a:r>
            <a:rPr lang="en-US" altLang="ja-JP" sz="700" b="0" i="0" u="none" strike="noStrike" baseline="0">
              <a:solidFill>
                <a:srgbClr val="000000"/>
              </a:solidFill>
              <a:latin typeface="Arial"/>
              <a:cs typeface="Arial"/>
            </a:rPr>
            <a:t>             for representative parts/materials of each manufacturer, even if the parts code is different. In that case, enter the no. of the substitute </a:t>
          </a:r>
        </a:p>
        <a:p>
          <a:pPr algn="l" rtl="0">
            <a:defRPr sz="1000"/>
          </a:pPr>
          <a:r>
            <a:rPr lang="en-US" altLang="ja-JP" sz="700" b="0" i="0" u="none" strike="noStrike" baseline="0">
              <a:solidFill>
                <a:srgbClr val="000000"/>
              </a:solidFill>
              <a:latin typeface="Arial"/>
              <a:cs typeface="Arial"/>
            </a:rPr>
            <a:t>             parts/material in the remark column.</a:t>
          </a:r>
        </a:p>
        <a:p>
          <a:r>
            <a:rPr lang="en-US" altLang="ja-JP" sz="700" b="0" i="0" u="none" strike="noStrike" baseline="0">
              <a:solidFill>
                <a:sysClr val="windowText" lastClr="000000"/>
              </a:solidFill>
              <a:latin typeface="Arial" pitchFamily="34" charset="0"/>
              <a:cs typeface="Arial" pitchFamily="34" charset="0"/>
            </a:rPr>
            <a:t>Note4:</a:t>
          </a:r>
          <a:r>
            <a:rPr lang="ja-JP" altLang="en-US" sz="700" b="0" i="0" u="none" strike="noStrike" baseline="0">
              <a:solidFill>
                <a:sysClr val="windowText" lastClr="000000"/>
              </a:solidFill>
              <a:latin typeface="Arial" pitchFamily="34" charset="0"/>
              <a:cs typeface="Arial" pitchFamily="34" charset="0"/>
            </a:rPr>
            <a:t>　</a:t>
          </a:r>
          <a:r>
            <a:rPr lang="en-US" altLang="ja-JP" sz="700">
              <a:solidFill>
                <a:sysClr val="windowText" lastClr="000000"/>
              </a:solidFill>
              <a:latin typeface="Arial" pitchFamily="34" charset="0"/>
              <a:ea typeface="+mn-ea"/>
              <a:cs typeface="Arial" pitchFamily="34" charset="0"/>
            </a:rPr>
            <a:t>Enter "Exemption No." based on the European RoHS Directive for (2011/65 / EU) exemption.</a:t>
          </a:r>
          <a:endParaRPr lang="ja-JP" altLang="ja-JP" sz="700">
            <a:solidFill>
              <a:sysClr val="windowText" lastClr="000000"/>
            </a:solidFill>
            <a:latin typeface="Arial" pitchFamily="34" charset="0"/>
            <a:ea typeface="+mn-ea"/>
            <a:cs typeface="Arial" pitchFamily="34" charset="0"/>
          </a:endParaRPr>
        </a:p>
        <a:p>
          <a:r>
            <a:rPr lang="en-US" altLang="ja-JP" sz="700">
              <a:solidFill>
                <a:sysClr val="windowText" lastClr="000000"/>
              </a:solidFill>
              <a:latin typeface="Arial" pitchFamily="34" charset="0"/>
              <a:ea typeface="+mn-ea"/>
              <a:cs typeface="Arial" pitchFamily="34" charset="0"/>
            </a:rPr>
            <a:t>      </a:t>
          </a:r>
          <a:r>
            <a:rPr lang="ja-JP" altLang="en-US" sz="700">
              <a:solidFill>
                <a:sysClr val="windowText" lastClr="000000"/>
              </a:solidFill>
              <a:latin typeface="Arial" pitchFamily="34" charset="0"/>
              <a:ea typeface="+mn-ea"/>
              <a:cs typeface="Arial" pitchFamily="34" charset="0"/>
            </a:rPr>
            <a:t>　　</a:t>
          </a:r>
          <a:r>
            <a:rPr lang="en-US" altLang="ja-JP" sz="700">
              <a:solidFill>
                <a:sysClr val="windowText" lastClr="000000"/>
              </a:solidFill>
              <a:latin typeface="Arial" pitchFamily="34" charset="0"/>
              <a:ea typeface="+mn-ea"/>
              <a:cs typeface="Arial" pitchFamily="34" charset="0"/>
            </a:rPr>
            <a:t>  It has been described to "RoHS Exemption" column on A2-Appendix of the report.</a:t>
          </a:r>
          <a:endParaRPr lang="ja-JP" altLang="ja-JP" sz="700">
            <a:solidFill>
              <a:sysClr val="windowText" lastClr="000000"/>
            </a:solidFill>
            <a:latin typeface="Arial" pitchFamily="34" charset="0"/>
            <a:ea typeface="+mn-ea"/>
            <a:cs typeface="Arial" pitchFamily="34" charset="0"/>
          </a:endParaRPr>
        </a:p>
        <a:p>
          <a:pPr marL="0" marR="0" indent="0" algn="l" defTabSz="914400" rtl="0" eaLnBrk="1" fontAlgn="auto" latinLnBrk="0" hangingPunct="1">
            <a:lnSpc>
              <a:spcPct val="100000"/>
            </a:lnSpc>
            <a:spcBef>
              <a:spcPts val="0"/>
            </a:spcBef>
            <a:spcAft>
              <a:spcPts val="0"/>
            </a:spcAft>
            <a:buClrTx/>
            <a:buSzTx/>
            <a:buFontTx/>
            <a:buNone/>
            <a:tabLst/>
            <a:defRPr sz="1000"/>
          </a:pPr>
          <a:r>
            <a:rPr lang="en-US" altLang="ja-JP" sz="700" b="0" i="0" u="none" strike="noStrike" baseline="0">
              <a:solidFill>
                <a:sysClr val="windowText" lastClr="000000"/>
              </a:solidFill>
              <a:latin typeface="Arial" pitchFamily="34" charset="0"/>
              <a:cs typeface="Arial" pitchFamily="34" charset="0"/>
            </a:rPr>
            <a:t>Note5: </a:t>
          </a:r>
          <a:r>
            <a:rPr lang="ja-JP" altLang="en-US" sz="700" b="0" i="0" u="none" strike="noStrike" baseline="0">
              <a:solidFill>
                <a:sysClr val="windowText" lastClr="000000"/>
              </a:solidFill>
              <a:latin typeface="Arial" pitchFamily="34" charset="0"/>
              <a:cs typeface="Arial" pitchFamily="34" charset="0"/>
            </a:rPr>
            <a:t> </a:t>
          </a:r>
          <a:r>
            <a:rPr lang="en-US" altLang="ja-JP" sz="700">
              <a:latin typeface="Arial" pitchFamily="34" charset="0"/>
              <a:ea typeface="+mn-ea"/>
              <a:cs typeface="Arial" pitchFamily="34" charset="0"/>
            </a:rPr>
            <a:t>Enter "RoHS compliant (Y / N)" with a compliant to the European RoHS Directive of the reporting date.</a:t>
          </a:r>
          <a:endParaRPr lang="ja-JP" altLang="ja-JP" sz="1000">
            <a:latin typeface="Arial" pitchFamily="34" charset="0"/>
            <a:ea typeface="+mn-ea"/>
            <a:cs typeface="Arial" pitchFamily="34" charset="0"/>
          </a:endParaRPr>
        </a:p>
      </xdr:txBody>
    </xdr:sp>
    <xdr:clientData/>
  </xdr:twoCellAnchor>
  <xdr:twoCellAnchor editAs="oneCell">
    <xdr:from>
      <xdr:col>1</xdr:col>
      <xdr:colOff>142875</xdr:colOff>
      <xdr:row>2</xdr:row>
      <xdr:rowOff>0</xdr:rowOff>
    </xdr:from>
    <xdr:to>
      <xdr:col>7</xdr:col>
      <xdr:colOff>238125</xdr:colOff>
      <xdr:row>5</xdr:row>
      <xdr:rowOff>28575</xdr:rowOff>
    </xdr:to>
    <xdr:pic>
      <xdr:nvPicPr>
        <xdr:cNvPr id="6" name="図 5"/>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23850" y="495300"/>
          <a:ext cx="4476750" cy="74295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oneCellAnchor>
    <xdr:from>
      <xdr:col>0</xdr:col>
      <xdr:colOff>647700</xdr:colOff>
      <xdr:row>0</xdr:row>
      <xdr:rowOff>781050</xdr:rowOff>
    </xdr:from>
    <xdr:ext cx="13304762" cy="3371429"/>
    <xdr:pic>
      <xdr:nvPicPr>
        <xdr:cNvPr id="2" name="図 1"/>
        <xdr:cNvPicPr>
          <a:picLocks noChangeAspect="1"/>
        </xdr:cNvPicPr>
      </xdr:nvPicPr>
      <xdr:blipFill>
        <a:blip xmlns:r="http://schemas.openxmlformats.org/officeDocument/2006/relationships" r:embed="rId1"/>
        <a:stretch>
          <a:fillRect/>
        </a:stretch>
      </xdr:blipFill>
      <xdr:spPr>
        <a:xfrm>
          <a:off x="609600" y="152400"/>
          <a:ext cx="13304762" cy="3371429"/>
        </a:xfrm>
        <a:prstGeom prst="rect">
          <a:avLst/>
        </a:prstGeom>
      </xdr:spPr>
    </xdr:pic>
    <xdr:clientData/>
  </xdr:oneCellAnchor>
  <xdr:twoCellAnchor>
    <xdr:from>
      <xdr:col>6</xdr:col>
      <xdr:colOff>381000</xdr:colOff>
      <xdr:row>0</xdr:row>
      <xdr:rowOff>266700</xdr:rowOff>
    </xdr:from>
    <xdr:to>
      <xdr:col>8</xdr:col>
      <xdr:colOff>190500</xdr:colOff>
      <xdr:row>0</xdr:row>
      <xdr:rowOff>523876</xdr:rowOff>
    </xdr:to>
    <xdr:sp macro="" textlink="">
      <xdr:nvSpPr>
        <xdr:cNvPr id="10" name="テキスト ボックス 9"/>
        <xdr:cNvSpPr txBox="1"/>
      </xdr:nvSpPr>
      <xdr:spPr>
        <a:xfrm>
          <a:off x="4038600" y="152400"/>
          <a:ext cx="1028700" cy="1"/>
        </a:xfrm>
        <a:prstGeom prst="rect">
          <a:avLst/>
        </a:prstGeom>
        <a:solidFill>
          <a:srgbClr val="FFC0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algn="ctr"/>
          <a:r>
            <a:rPr kumimoji="1" lang="en-US" altLang="ja-JP" sz="1400" b="1"/>
            <a:t>Check Point</a:t>
          </a:r>
          <a:endParaRPr kumimoji="1" lang="ja-JP" altLang="en-US" sz="1400" b="1"/>
        </a:p>
      </xdr:txBody>
    </xdr:sp>
    <xdr:clientData/>
  </xdr:twoCellAnchor>
  <xdr:twoCellAnchor>
    <xdr:from>
      <xdr:col>0</xdr:col>
      <xdr:colOff>228601</xdr:colOff>
      <xdr:row>17</xdr:row>
      <xdr:rowOff>304799</xdr:rowOff>
    </xdr:from>
    <xdr:to>
      <xdr:col>2</xdr:col>
      <xdr:colOff>171450</xdr:colOff>
      <xdr:row>18</xdr:row>
      <xdr:rowOff>542924</xdr:rowOff>
    </xdr:to>
    <xdr:sp macro="" textlink="">
      <xdr:nvSpPr>
        <xdr:cNvPr id="13" name="四角形吹き出し 12"/>
        <xdr:cNvSpPr/>
      </xdr:nvSpPr>
      <xdr:spPr>
        <a:xfrm>
          <a:off x="228601" y="4219574"/>
          <a:ext cx="1523999" cy="695325"/>
        </a:xfrm>
        <a:prstGeom prst="wedgeRectCallout">
          <a:avLst>
            <a:gd name="adj1" fmla="val 41144"/>
            <a:gd name="adj2" fmla="val -88444"/>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you have entered.</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3</xdr:col>
      <xdr:colOff>523875</xdr:colOff>
      <xdr:row>5</xdr:row>
      <xdr:rowOff>161925</xdr:rowOff>
    </xdr:from>
    <xdr:to>
      <xdr:col>5</xdr:col>
      <xdr:colOff>666750</xdr:colOff>
      <xdr:row>9</xdr:row>
      <xdr:rowOff>0</xdr:rowOff>
    </xdr:to>
    <xdr:sp macro="" textlink="">
      <xdr:nvSpPr>
        <xdr:cNvPr id="14" name="四角形吹き出し 13"/>
        <xdr:cNvSpPr/>
      </xdr:nvSpPr>
      <xdr:spPr>
        <a:xfrm>
          <a:off x="3000375" y="1838325"/>
          <a:ext cx="1752600" cy="561975"/>
        </a:xfrm>
        <a:prstGeom prst="wedgeRectCallout">
          <a:avLst>
            <a:gd name="adj1" fmla="val -39813"/>
            <a:gd name="adj2" fmla="val 81556"/>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you have entered.</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4</xdr:col>
      <xdr:colOff>247650</xdr:colOff>
      <xdr:row>17</xdr:row>
      <xdr:rowOff>304800</xdr:rowOff>
    </xdr:from>
    <xdr:to>
      <xdr:col>5</xdr:col>
      <xdr:colOff>238125</xdr:colOff>
      <xdr:row>18</xdr:row>
      <xdr:rowOff>323850</xdr:rowOff>
    </xdr:to>
    <xdr:sp macro="" textlink="">
      <xdr:nvSpPr>
        <xdr:cNvPr id="16" name="四角形吹き出し 15"/>
        <xdr:cNvSpPr/>
      </xdr:nvSpPr>
      <xdr:spPr>
        <a:xfrm>
          <a:off x="3514725" y="4219575"/>
          <a:ext cx="809625" cy="476250"/>
        </a:xfrm>
        <a:prstGeom prst="wedgeRectCallout">
          <a:avLst>
            <a:gd name="adj1" fmla="val -1931"/>
            <a:gd name="adj2" fmla="val -104444"/>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t"/>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you have entered.</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3</xdr:col>
      <xdr:colOff>161925</xdr:colOff>
      <xdr:row>17</xdr:row>
      <xdr:rowOff>304800</xdr:rowOff>
    </xdr:from>
    <xdr:to>
      <xdr:col>5</xdr:col>
      <xdr:colOff>352425</xdr:colOff>
      <xdr:row>18</xdr:row>
      <xdr:rowOff>495300</xdr:rowOff>
    </xdr:to>
    <xdr:sp macro="" textlink="">
      <xdr:nvSpPr>
        <xdr:cNvPr id="15" name="四角形吹き出し 14"/>
        <xdr:cNvSpPr/>
      </xdr:nvSpPr>
      <xdr:spPr>
        <a:xfrm>
          <a:off x="2638425" y="4219575"/>
          <a:ext cx="1800225" cy="647700"/>
        </a:xfrm>
        <a:prstGeom prst="wedgeRectCallout">
          <a:avLst>
            <a:gd name="adj1" fmla="val -7813"/>
            <a:gd name="adj2" fmla="val -94444"/>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you have entered.</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1</xdr:col>
      <xdr:colOff>704851</xdr:colOff>
      <xdr:row>18</xdr:row>
      <xdr:rowOff>781048</xdr:rowOff>
    </xdr:from>
    <xdr:to>
      <xdr:col>4</xdr:col>
      <xdr:colOff>733425</xdr:colOff>
      <xdr:row>23</xdr:row>
      <xdr:rowOff>152400</xdr:rowOff>
    </xdr:to>
    <xdr:sp macro="" textlink="">
      <xdr:nvSpPr>
        <xdr:cNvPr id="17" name="四角形吹き出し 16"/>
        <xdr:cNvSpPr/>
      </xdr:nvSpPr>
      <xdr:spPr>
        <a:xfrm>
          <a:off x="1495426" y="5153023"/>
          <a:ext cx="2505074" cy="1076327"/>
        </a:xfrm>
        <a:prstGeom prst="wedgeRectCallout">
          <a:avLst>
            <a:gd name="adj1" fmla="val -10186"/>
            <a:gd name="adj2" fmla="val -153183"/>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lang="ja-JP" altLang="en-US" sz="1100" b="0" i="0" u="none" strike="noStrike">
              <a:solidFill>
                <a:sysClr val="windowText" lastClr="000000"/>
              </a:solidFill>
              <a:effectLst/>
              <a:latin typeface="MS UI Gothic" panose="020B0600070205080204" pitchFamily="50" charset="-128"/>
              <a:ea typeface="MS UI Gothic" panose="020B0600070205080204" pitchFamily="50" charset="-128"/>
              <a:cs typeface="+mn-cs"/>
            </a:rPr>
            <a:t>・</a:t>
          </a:r>
          <a:r>
            <a:rPr lang="en-US" altLang="ja-JP" sz="1100" b="0" i="0" u="none" strike="noStrike">
              <a:solidFill>
                <a:sysClr val="windowText" lastClr="000000"/>
              </a:solidFill>
              <a:effectLst/>
              <a:latin typeface="MS UI Gothic" panose="020B0600070205080204" pitchFamily="50" charset="-128"/>
              <a:ea typeface="MS UI Gothic" panose="020B0600070205080204" pitchFamily="50" charset="-128"/>
              <a:cs typeface="+mn-cs"/>
            </a:rPr>
            <a:t>Enter the data for each portion consisting of homogeneous material.</a:t>
          </a:r>
        </a:p>
        <a:p>
          <a:pPr algn="l"/>
          <a:r>
            <a:rPr lang="ja-JP" altLang="en-US" sz="1100" b="0" i="0" u="none" strike="noStrike">
              <a:solidFill>
                <a:sysClr val="windowText" lastClr="000000"/>
              </a:solidFill>
              <a:effectLst/>
              <a:latin typeface="MS UI Gothic" panose="020B0600070205080204" pitchFamily="50" charset="-128"/>
              <a:ea typeface="MS UI Gothic" panose="020B0600070205080204" pitchFamily="50" charset="-128"/>
              <a:cs typeface="+mn-cs"/>
            </a:rPr>
            <a:t>・</a:t>
          </a:r>
          <a:r>
            <a:rPr lang="en-US" altLang="ja-JP" sz="1100" b="0" i="0" u="none" strike="noStrike">
              <a:solidFill>
                <a:sysClr val="windowText" lastClr="000000"/>
              </a:solidFill>
              <a:effectLst/>
              <a:latin typeface="MS UI Gothic" panose="020B0600070205080204" pitchFamily="50" charset="-128"/>
              <a:ea typeface="MS UI Gothic" panose="020B0600070205080204" pitchFamily="50" charset="-128"/>
              <a:cs typeface="+mn-cs"/>
            </a:rPr>
            <a:t>In case of plated section, analyze base material and plating separately.</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5</xdr:col>
      <xdr:colOff>428626</xdr:colOff>
      <xdr:row>17</xdr:row>
      <xdr:rowOff>323850</xdr:rowOff>
    </xdr:from>
    <xdr:to>
      <xdr:col>7</xdr:col>
      <xdr:colOff>504826</xdr:colOff>
      <xdr:row>18</xdr:row>
      <xdr:rowOff>514350</xdr:rowOff>
    </xdr:to>
    <xdr:sp macro="" textlink="">
      <xdr:nvSpPr>
        <xdr:cNvPr id="18" name="四角形吹き出し 17"/>
        <xdr:cNvSpPr/>
      </xdr:nvSpPr>
      <xdr:spPr>
        <a:xfrm>
          <a:off x="4514851" y="4238625"/>
          <a:ext cx="1657350" cy="647700"/>
        </a:xfrm>
        <a:prstGeom prst="wedgeRectCallout">
          <a:avLst>
            <a:gd name="adj1" fmla="val -42023"/>
            <a:gd name="adj2" fmla="val -92444"/>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Enter when you use the precision analysis method.</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14</xdr:col>
      <xdr:colOff>352425</xdr:colOff>
      <xdr:row>17</xdr:row>
      <xdr:rowOff>314325</xdr:rowOff>
    </xdr:from>
    <xdr:to>
      <xdr:col>16</xdr:col>
      <xdr:colOff>38100</xdr:colOff>
      <xdr:row>19</xdr:row>
      <xdr:rowOff>0</xdr:rowOff>
    </xdr:to>
    <xdr:sp macro="" textlink="">
      <xdr:nvSpPr>
        <xdr:cNvPr id="19" name="四角形吹き出し 18"/>
        <xdr:cNvSpPr/>
      </xdr:nvSpPr>
      <xdr:spPr>
        <a:xfrm>
          <a:off x="11553825" y="4229100"/>
          <a:ext cx="1266825" cy="1047750"/>
        </a:xfrm>
        <a:prstGeom prst="wedgeRectCallout">
          <a:avLst>
            <a:gd name="adj1" fmla="val 45195"/>
            <a:gd name="adj2" fmla="val -74747"/>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it is same as "A2-Appendix" of the report.</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7</xdr:col>
      <xdr:colOff>638174</xdr:colOff>
      <xdr:row>17</xdr:row>
      <xdr:rowOff>323850</xdr:rowOff>
    </xdr:from>
    <xdr:to>
      <xdr:col>13</xdr:col>
      <xdr:colOff>628649</xdr:colOff>
      <xdr:row>19</xdr:row>
      <xdr:rowOff>161925</xdr:rowOff>
    </xdr:to>
    <xdr:sp macro="" textlink="">
      <xdr:nvSpPr>
        <xdr:cNvPr id="20" name="四角形吹き出し 19"/>
        <xdr:cNvSpPr/>
      </xdr:nvSpPr>
      <xdr:spPr>
        <a:xfrm>
          <a:off x="6305549" y="4238625"/>
          <a:ext cx="4733925" cy="1200150"/>
        </a:xfrm>
        <a:prstGeom prst="wedgeRectCallout">
          <a:avLst>
            <a:gd name="adj1" fmla="val -43788"/>
            <a:gd name="adj2" fmla="val -70204"/>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1)-(4): Enter when you use the the X-ray fluorescence analysis method.  </a:t>
          </a:r>
        </a:p>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When the sum of (1) and (2) is over the reference value, reanalyze with precision</a:t>
          </a:r>
          <a:r>
            <a:rPr kumimoji="1" lang="ja-JP" altLang="en-US" sz="1000">
              <a:solidFill>
                <a:sysClr val="windowText" lastClr="000000"/>
              </a:solidFill>
              <a:latin typeface="MS UI Gothic" panose="020B0600070205080204" pitchFamily="50" charset="-128"/>
              <a:ea typeface="MS UI Gothic" panose="020B0600070205080204" pitchFamily="50" charset="-128"/>
            </a:rPr>
            <a:t>　</a:t>
          </a:r>
          <a:r>
            <a:rPr kumimoji="1" lang="en-US" altLang="ja-JP" sz="1000">
              <a:solidFill>
                <a:sysClr val="windowText" lastClr="000000"/>
              </a:solidFill>
              <a:latin typeface="MS UI Gothic" panose="020B0600070205080204" pitchFamily="50" charset="-128"/>
              <a:ea typeface="MS UI Gothic" panose="020B0600070205080204" pitchFamily="50" charset="-128"/>
            </a:rPr>
            <a:t>analysis method</a:t>
          </a:r>
        </a:p>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5): Enter when you use the precision analysis method.  Make sure the analysis result is not exceeding the criterion value.</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twoCellAnchor>
    <xdr:from>
      <xdr:col>16</xdr:col>
      <xdr:colOff>114301</xdr:colOff>
      <xdr:row>17</xdr:row>
      <xdr:rowOff>323849</xdr:rowOff>
    </xdr:from>
    <xdr:to>
      <xdr:col>18</xdr:col>
      <xdr:colOff>323851</xdr:colOff>
      <xdr:row>18</xdr:row>
      <xdr:rowOff>638174</xdr:rowOff>
    </xdr:to>
    <xdr:sp macro="" textlink="">
      <xdr:nvSpPr>
        <xdr:cNvPr id="21" name="四角形吹き出し 20"/>
        <xdr:cNvSpPr/>
      </xdr:nvSpPr>
      <xdr:spPr>
        <a:xfrm>
          <a:off x="12896851" y="4238624"/>
          <a:ext cx="1428750" cy="771525"/>
        </a:xfrm>
        <a:prstGeom prst="wedgeRectCallout">
          <a:avLst>
            <a:gd name="adj1" fmla="val -4514"/>
            <a:gd name="adj2" fmla="val -81428"/>
          </a:avLst>
        </a:prstGeom>
        <a:solidFill>
          <a:srgbClr val="FFFFCC"/>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72000" rIns="72000" bIns="72000" rtlCol="0" anchor="ctr"/>
        <a:lstStyle/>
        <a:p>
          <a:pPr algn="l"/>
          <a:r>
            <a:rPr kumimoji="1" lang="ja-JP" altLang="en-US" sz="1000">
              <a:solidFill>
                <a:sysClr val="windowText" lastClr="000000"/>
              </a:solidFill>
              <a:latin typeface="MS UI Gothic" panose="020B0600070205080204" pitchFamily="50" charset="-128"/>
              <a:ea typeface="MS UI Gothic" panose="020B0600070205080204" pitchFamily="50" charset="-128"/>
            </a:rPr>
            <a:t>・</a:t>
          </a:r>
          <a:r>
            <a:rPr kumimoji="1" lang="en-US" altLang="ja-JP" sz="1000">
              <a:solidFill>
                <a:sysClr val="windowText" lastClr="000000"/>
              </a:solidFill>
              <a:latin typeface="MS UI Gothic" panose="020B0600070205080204" pitchFamily="50" charset="-128"/>
              <a:ea typeface="MS UI Gothic" panose="020B0600070205080204" pitchFamily="50" charset="-128"/>
            </a:rPr>
            <a:t>Make sure that "RoHS compliant" is YES.</a:t>
          </a:r>
          <a:endParaRPr kumimoji="1" lang="ja-JP" altLang="en-US" sz="1000">
            <a:solidFill>
              <a:sysClr val="windowText" lastClr="000000"/>
            </a:solidFill>
            <a:latin typeface="MS UI Gothic" panose="020B0600070205080204" pitchFamily="50" charset="-128"/>
            <a:ea typeface="MS UI Gothic" panose="020B0600070205080204" pitchFamily="50"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mbria"/>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45"/>
  <sheetViews>
    <sheetView showGridLines="0" tabSelected="1" view="pageBreakPreview" zoomScaleNormal="100" zoomScaleSheetLayoutView="100" workbookViewId="0">
      <selection activeCell="ED4" sqref="EC4:ED4"/>
    </sheetView>
  </sheetViews>
  <sheetFormatPr defaultColWidth="0.5703125" defaultRowHeight="15"/>
  <cols>
    <col min="1" max="1" width="4.42578125" style="125" customWidth="1"/>
    <col min="2" max="2" width="2.140625" style="123" customWidth="1"/>
    <col min="3" max="3" width="35.7109375" style="123" bestFit="1" customWidth="1"/>
    <col min="4" max="4" width="82.7109375" style="123" customWidth="1"/>
    <col min="5" max="16384" width="0.5703125" style="123"/>
  </cols>
  <sheetData>
    <row r="1" spans="1:5">
      <c r="A1" s="123"/>
      <c r="D1" s="124" t="s">
        <v>193</v>
      </c>
    </row>
    <row r="2" spans="1:5" ht="14.25">
      <c r="A2" s="123"/>
    </row>
    <row r="3" spans="1:5" ht="25.5" customHeight="1">
      <c r="A3" s="279" t="s">
        <v>360</v>
      </c>
      <c r="B3" s="279"/>
      <c r="C3" s="279"/>
      <c r="D3" s="279"/>
    </row>
    <row r="5" spans="1:5">
      <c r="A5" s="125">
        <v>1</v>
      </c>
      <c r="B5" s="119" t="s">
        <v>248</v>
      </c>
    </row>
    <row r="7" spans="1:5" ht="15.75" thickBot="1">
      <c r="C7" s="126" t="s">
        <v>250</v>
      </c>
      <c r="D7" s="126" t="s">
        <v>252</v>
      </c>
    </row>
    <row r="8" spans="1:5" s="128" customFormat="1" ht="15.75" thickTop="1">
      <c r="A8" s="127"/>
      <c r="C8" s="129" t="s">
        <v>103</v>
      </c>
      <c r="D8" s="129" t="s">
        <v>253</v>
      </c>
    </row>
    <row r="9" spans="1:5" s="128" customFormat="1">
      <c r="A9" s="127"/>
      <c r="C9" s="130"/>
      <c r="D9" s="130" t="s">
        <v>254</v>
      </c>
    </row>
    <row r="10" spans="1:5" s="128" customFormat="1">
      <c r="A10" s="127"/>
      <c r="C10" s="129" t="s">
        <v>102</v>
      </c>
      <c r="D10" s="129" t="s">
        <v>255</v>
      </c>
    </row>
    <row r="11" spans="1:5" s="128" customFormat="1">
      <c r="A11" s="127"/>
      <c r="C11" s="129"/>
      <c r="D11" s="129" t="s">
        <v>256</v>
      </c>
    </row>
    <row r="12" spans="1:5" s="128" customFormat="1">
      <c r="A12" s="127"/>
      <c r="C12" s="130"/>
      <c r="D12" s="130" t="s">
        <v>257</v>
      </c>
    </row>
    <row r="13" spans="1:5">
      <c r="C13" s="131" t="s">
        <v>100</v>
      </c>
      <c r="D13" s="131" t="s">
        <v>258</v>
      </c>
    </row>
    <row r="14" spans="1:5">
      <c r="C14" s="131" t="s">
        <v>101</v>
      </c>
      <c r="D14" s="131" t="s">
        <v>259</v>
      </c>
    </row>
    <row r="15" spans="1:5">
      <c r="C15" s="131" t="s">
        <v>379</v>
      </c>
      <c r="D15" s="131" t="s">
        <v>380</v>
      </c>
    </row>
    <row r="16" spans="1:5" ht="15" customHeight="1">
      <c r="C16" s="280" t="s">
        <v>359</v>
      </c>
      <c r="D16" s="280"/>
      <c r="E16" s="280"/>
    </row>
    <row r="17" spans="1:5">
      <c r="C17" s="281"/>
      <c r="D17" s="281"/>
      <c r="E17" s="281"/>
    </row>
    <row r="18" spans="1:5">
      <c r="C18" s="281"/>
      <c r="D18" s="281"/>
      <c r="E18" s="281"/>
    </row>
    <row r="19" spans="1:5">
      <c r="C19" s="281"/>
      <c r="D19" s="281"/>
      <c r="E19" s="281"/>
    </row>
    <row r="20" spans="1:5">
      <c r="C20" s="281"/>
      <c r="D20" s="281"/>
      <c r="E20" s="281"/>
    </row>
    <row r="21" spans="1:5">
      <c r="C21" s="226"/>
      <c r="D21" s="226"/>
      <c r="E21" s="226"/>
    </row>
    <row r="22" spans="1:5">
      <c r="B22" s="123" t="s">
        <v>260</v>
      </c>
    </row>
    <row r="23" spans="1:5">
      <c r="B23" s="123" t="s">
        <v>261</v>
      </c>
    </row>
    <row r="25" spans="1:5">
      <c r="A25" s="125">
        <v>2</v>
      </c>
      <c r="B25" s="119" t="s">
        <v>267</v>
      </c>
    </row>
    <row r="26" spans="1:5" ht="15.75" thickBot="1">
      <c r="C26" s="126" t="s">
        <v>249</v>
      </c>
      <c r="D26" s="126" t="s">
        <v>251</v>
      </c>
    </row>
    <row r="27" spans="1:5" ht="15.75" thickTop="1">
      <c r="C27" s="129" t="s">
        <v>103</v>
      </c>
      <c r="D27" s="121" t="s">
        <v>268</v>
      </c>
    </row>
    <row r="28" spans="1:5">
      <c r="C28" s="130"/>
      <c r="D28" s="122" t="s">
        <v>269</v>
      </c>
    </row>
    <row r="29" spans="1:5">
      <c r="C29" s="129" t="s">
        <v>102</v>
      </c>
      <c r="D29" s="132" t="s">
        <v>270</v>
      </c>
    </row>
    <row r="30" spans="1:5">
      <c r="C30" s="130"/>
      <c r="D30" s="130" t="s">
        <v>279</v>
      </c>
    </row>
    <row r="33" spans="1:4">
      <c r="A33" s="125">
        <v>3</v>
      </c>
      <c r="B33" s="119" t="s">
        <v>266</v>
      </c>
    </row>
    <row r="34" spans="1:4" ht="15.75" thickBot="1">
      <c r="C34" s="126" t="s">
        <v>275</v>
      </c>
      <c r="D34" s="126" t="s">
        <v>251</v>
      </c>
    </row>
    <row r="35" spans="1:4" ht="15.75" thickTop="1">
      <c r="C35" s="131" t="s">
        <v>284</v>
      </c>
      <c r="D35" s="131" t="s">
        <v>272</v>
      </c>
    </row>
    <row r="36" spans="1:4">
      <c r="C36" s="130" t="s">
        <v>285</v>
      </c>
      <c r="D36" s="130" t="s">
        <v>271</v>
      </c>
    </row>
    <row r="37" spans="1:4">
      <c r="C37" s="131" t="s">
        <v>276</v>
      </c>
      <c r="D37" s="131" t="s">
        <v>273</v>
      </c>
    </row>
    <row r="38" spans="1:4">
      <c r="C38" s="131" t="s">
        <v>277</v>
      </c>
      <c r="D38" s="131" t="s">
        <v>274</v>
      </c>
    </row>
    <row r="40" spans="1:4">
      <c r="A40" s="125">
        <v>4</v>
      </c>
      <c r="B40" s="120" t="s">
        <v>262</v>
      </c>
    </row>
    <row r="41" spans="1:4">
      <c r="B41" s="120" t="s">
        <v>263</v>
      </c>
    </row>
    <row r="44" spans="1:4">
      <c r="A44" s="125">
        <v>5</v>
      </c>
      <c r="B44" s="120" t="s">
        <v>264</v>
      </c>
    </row>
    <row r="45" spans="1:4">
      <c r="B45" s="120" t="s">
        <v>265</v>
      </c>
    </row>
  </sheetData>
  <sheetProtection password="E0C6" sheet="1" objects="1" scenarios="1"/>
  <mergeCells count="2">
    <mergeCell ref="A3:D3"/>
    <mergeCell ref="C16:E20"/>
  </mergeCells>
  <phoneticPr fontId="7"/>
  <printOptions horizontalCentered="1"/>
  <pageMargins left="0.59055118110236227" right="0.59055118110236227" top="0.78740157480314965" bottom="0.59055118110236227" header="0.31496062992125984" footer="0.31496062992125984"/>
  <pageSetup paperSize="9" scale="80"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67"/>
  <sheetViews>
    <sheetView showGridLines="0" view="pageBreakPreview" zoomScaleNormal="100" zoomScaleSheetLayoutView="100" workbookViewId="0">
      <selection activeCell="F4" sqref="F4"/>
    </sheetView>
  </sheetViews>
  <sheetFormatPr defaultColWidth="0.7109375" defaultRowHeight="15"/>
  <cols>
    <col min="1" max="2" width="1.42578125" style="98" customWidth="1"/>
    <col min="3" max="3" width="0.7109375" style="6" customWidth="1"/>
    <col min="4" max="4" width="4.7109375" style="100" bestFit="1" customWidth="1"/>
    <col min="5" max="5" width="45.28515625" style="6" customWidth="1"/>
    <col min="6" max="6" width="67.5703125" style="6" customWidth="1"/>
    <col min="7" max="7" width="21.28515625" style="6" customWidth="1"/>
    <col min="8" max="8" width="1.28515625" style="6" customWidth="1"/>
    <col min="9" max="16384" width="0.7109375" style="6"/>
  </cols>
  <sheetData>
    <row r="1" spans="1:7">
      <c r="D1" s="6"/>
      <c r="E1" s="5"/>
      <c r="F1" s="5"/>
      <c r="G1" s="99" t="str">
        <f>F16</f>
        <v xml:space="preserve"> </v>
      </c>
    </row>
    <row r="2" spans="1:7">
      <c r="A2" s="97"/>
      <c r="D2" s="5"/>
    </row>
    <row r="3" spans="1:7">
      <c r="A3" s="5" t="s">
        <v>0</v>
      </c>
      <c r="D3" s="5"/>
    </row>
    <row r="4" spans="1:7" ht="21" customHeight="1">
      <c r="D4" s="6"/>
      <c r="E4" s="71" t="s">
        <v>120</v>
      </c>
      <c r="F4" s="138"/>
    </row>
    <row r="5" spans="1:7" ht="21" customHeight="1">
      <c r="D5" s="6"/>
      <c r="E5" s="72" t="s">
        <v>121</v>
      </c>
      <c r="F5" s="139"/>
    </row>
    <row r="6" spans="1:7" ht="21" customHeight="1">
      <c r="D6" s="6"/>
      <c r="E6" s="72" t="s">
        <v>122</v>
      </c>
      <c r="F6" s="140"/>
    </row>
    <row r="7" spans="1:7">
      <c r="D7" s="6"/>
    </row>
    <row r="8" spans="1:7">
      <c r="C8" s="8"/>
      <c r="D8" s="8"/>
      <c r="G8" s="7"/>
    </row>
    <row r="9" spans="1:7" s="158" customFormat="1" ht="20.25">
      <c r="A9" s="156"/>
      <c r="B9" s="156"/>
      <c r="C9" s="157" t="s">
        <v>361</v>
      </c>
      <c r="D9" s="8"/>
      <c r="G9" s="7"/>
    </row>
    <row r="10" spans="1:7" s="158" customFormat="1">
      <c r="A10" s="156"/>
      <c r="B10" s="156"/>
      <c r="C10" s="8" t="s">
        <v>286</v>
      </c>
      <c r="D10" s="8"/>
      <c r="G10" s="7"/>
    </row>
    <row r="11" spans="1:7" s="158" customFormat="1">
      <c r="A11" s="156"/>
      <c r="B11" s="156"/>
      <c r="C11" s="159"/>
    </row>
    <row r="12" spans="1:7" s="158" customFormat="1">
      <c r="A12" s="156"/>
      <c r="B12" s="156"/>
      <c r="C12" s="5"/>
      <c r="D12" s="5"/>
      <c r="G12" s="7"/>
    </row>
    <row r="13" spans="1:7" s="158" customFormat="1">
      <c r="A13" s="156"/>
      <c r="B13" s="156"/>
      <c r="C13" s="5" t="s">
        <v>343</v>
      </c>
      <c r="D13" s="5"/>
      <c r="G13" s="7"/>
    </row>
    <row r="14" spans="1:7">
      <c r="D14" s="6"/>
    </row>
    <row r="15" spans="1:7">
      <c r="D15" s="6"/>
      <c r="E15" s="8" t="s">
        <v>124</v>
      </c>
      <c r="F15" s="8"/>
      <c r="G15" s="7"/>
    </row>
    <row r="16" spans="1:7" ht="21" customHeight="1">
      <c r="D16" s="6"/>
      <c r="E16" s="9" t="s">
        <v>341</v>
      </c>
      <c r="F16" s="155" t="s">
        <v>282</v>
      </c>
    </row>
    <row r="17" spans="1:7" ht="21" customHeight="1">
      <c r="D17" s="6"/>
      <c r="E17" s="9" t="s">
        <v>342</v>
      </c>
      <c r="F17" s="139"/>
    </row>
    <row r="18" spans="1:7" ht="21" customHeight="1">
      <c r="D18" s="6"/>
      <c r="E18" s="9" t="s">
        <v>215</v>
      </c>
      <c r="F18" s="139"/>
    </row>
    <row r="19" spans="1:7" ht="21" customHeight="1">
      <c r="D19" s="6"/>
      <c r="E19" s="9" t="s">
        <v>216</v>
      </c>
      <c r="F19" s="139"/>
    </row>
    <row r="21" spans="1:7" s="33" customFormat="1">
      <c r="A21" s="12"/>
      <c r="B21" s="12"/>
      <c r="C21" s="13"/>
      <c r="D21" s="14"/>
      <c r="E21" s="15"/>
      <c r="F21" s="15"/>
      <c r="G21" s="13"/>
    </row>
    <row r="22" spans="1:7" s="33" customFormat="1" ht="15.75">
      <c r="A22" s="10" t="s">
        <v>123</v>
      </c>
      <c r="B22" s="12"/>
      <c r="C22" s="13"/>
      <c r="D22" s="14"/>
      <c r="E22" s="15"/>
      <c r="F22" s="15"/>
      <c r="G22" s="13"/>
    </row>
    <row r="23" spans="1:7" s="33" customFormat="1">
      <c r="A23" s="12"/>
      <c r="B23" s="12"/>
      <c r="C23" s="13"/>
      <c r="D23" s="14"/>
      <c r="E23" s="15"/>
      <c r="F23" s="15"/>
      <c r="G23" s="13"/>
    </row>
    <row r="24" spans="1:7" s="33" customFormat="1">
      <c r="A24" s="12"/>
      <c r="B24" s="12" t="s">
        <v>125</v>
      </c>
      <c r="C24" s="13"/>
      <c r="D24" s="14"/>
      <c r="E24" s="15"/>
      <c r="F24" s="15"/>
      <c r="G24" s="13"/>
    </row>
    <row r="25" spans="1:7" s="33" customFormat="1">
      <c r="A25" s="12"/>
      <c r="B25" s="12"/>
      <c r="C25" s="285" t="s">
        <v>217</v>
      </c>
      <c r="D25" s="285"/>
      <c r="E25" s="285"/>
      <c r="F25" s="285"/>
      <c r="G25" s="285"/>
    </row>
    <row r="26" spans="1:7" s="100" customFormat="1" ht="15.75" thickBot="1">
      <c r="A26" s="16"/>
      <c r="B26" s="16"/>
      <c r="C26" s="17"/>
      <c r="D26" s="18" t="s">
        <v>18</v>
      </c>
      <c r="E26" s="19" t="s">
        <v>127</v>
      </c>
      <c r="F26" s="19" t="s">
        <v>218</v>
      </c>
      <c r="G26" s="20" t="s">
        <v>128</v>
      </c>
    </row>
    <row r="27" spans="1:7" ht="43.5" thickTop="1">
      <c r="A27" s="21"/>
      <c r="B27" s="21"/>
      <c r="C27" s="22"/>
      <c r="D27" s="23">
        <v>1</v>
      </c>
      <c r="E27" s="24" t="s">
        <v>53</v>
      </c>
      <c r="F27" s="24" t="s">
        <v>54</v>
      </c>
      <c r="G27" s="112" t="s">
        <v>109</v>
      </c>
    </row>
    <row r="28" spans="1:7" ht="28.5">
      <c r="A28" s="21"/>
      <c r="B28" s="21"/>
      <c r="C28" s="22"/>
      <c r="D28" s="25">
        <v>2</v>
      </c>
      <c r="E28" s="26" t="s">
        <v>55</v>
      </c>
      <c r="F28" s="26" t="s">
        <v>56</v>
      </c>
      <c r="G28" s="113" t="s">
        <v>109</v>
      </c>
    </row>
    <row r="29" spans="1:7" ht="28.5">
      <c r="A29" s="21"/>
      <c r="B29" s="21"/>
      <c r="C29" s="22"/>
      <c r="D29" s="25">
        <v>3</v>
      </c>
      <c r="E29" s="26" t="s">
        <v>57</v>
      </c>
      <c r="F29" s="26" t="s">
        <v>56</v>
      </c>
      <c r="G29" s="111" t="s">
        <v>109</v>
      </c>
    </row>
    <row r="30" spans="1:7" ht="28.5">
      <c r="A30" s="21"/>
      <c r="B30" s="21"/>
      <c r="C30" s="22"/>
      <c r="D30" s="25">
        <v>4</v>
      </c>
      <c r="E30" s="26" t="s">
        <v>48</v>
      </c>
      <c r="F30" s="26" t="s">
        <v>56</v>
      </c>
      <c r="G30" s="111" t="s">
        <v>109</v>
      </c>
    </row>
    <row r="31" spans="1:7" ht="42.75">
      <c r="A31" s="21"/>
      <c r="B31" s="21"/>
      <c r="C31" s="22"/>
      <c r="D31" s="133">
        <v>5</v>
      </c>
      <c r="E31" s="134" t="s">
        <v>58</v>
      </c>
      <c r="F31" s="134" t="s">
        <v>283</v>
      </c>
      <c r="G31" s="111" t="s">
        <v>109</v>
      </c>
    </row>
    <row r="32" spans="1:7" s="161" customFormat="1">
      <c r="A32" s="160"/>
      <c r="B32" s="160"/>
      <c r="C32" s="286" t="s">
        <v>131</v>
      </c>
      <c r="D32" s="286"/>
      <c r="E32" s="286"/>
      <c r="F32" s="286"/>
      <c r="G32" s="286"/>
    </row>
    <row r="33" spans="1:7" s="161" customFormat="1">
      <c r="A33" s="160"/>
      <c r="B33" s="160"/>
      <c r="C33" s="287"/>
      <c r="D33" s="287"/>
      <c r="E33" s="287"/>
      <c r="F33" s="287"/>
      <c r="G33" s="287"/>
    </row>
    <row r="34" spans="1:7" s="161" customFormat="1" ht="15" customHeight="1">
      <c r="A34" s="160"/>
      <c r="B34" s="160"/>
      <c r="C34" s="288" t="s">
        <v>344</v>
      </c>
      <c r="D34" s="288"/>
      <c r="E34" s="288"/>
      <c r="F34" s="288"/>
      <c r="G34" s="288"/>
    </row>
    <row r="35" spans="1:7" s="161" customFormat="1">
      <c r="A35" s="160"/>
      <c r="B35" s="160"/>
      <c r="C35" s="162"/>
      <c r="D35" s="163"/>
      <c r="E35" s="164"/>
      <c r="F35" s="164"/>
      <c r="G35" s="162"/>
    </row>
    <row r="36" spans="1:7" s="161" customFormat="1">
      <c r="A36" s="160"/>
      <c r="B36" s="160"/>
      <c r="C36" s="162"/>
      <c r="D36" s="163"/>
      <c r="E36" s="164"/>
      <c r="F36" s="164"/>
      <c r="G36" s="162"/>
    </row>
    <row r="37" spans="1:7" s="161" customFormat="1">
      <c r="A37" s="160"/>
      <c r="B37" s="160" t="s">
        <v>129</v>
      </c>
      <c r="C37" s="162"/>
      <c r="D37" s="163"/>
      <c r="E37" s="164"/>
      <c r="F37" s="164"/>
      <c r="G37" s="162"/>
    </row>
    <row r="38" spans="1:7" s="161" customFormat="1" ht="15.75" customHeight="1">
      <c r="A38" s="160"/>
      <c r="B38" s="160"/>
      <c r="C38" s="289" t="s">
        <v>345</v>
      </c>
      <c r="D38" s="289"/>
      <c r="E38" s="289"/>
      <c r="F38" s="289"/>
      <c r="G38" s="289"/>
    </row>
    <row r="39" spans="1:7" s="169" customFormat="1" ht="15.75" thickBot="1">
      <c r="A39" s="165"/>
      <c r="B39" s="165"/>
      <c r="C39" s="166"/>
      <c r="D39" s="167" t="s">
        <v>18</v>
      </c>
      <c r="E39" s="168" t="s">
        <v>130</v>
      </c>
      <c r="F39" s="168" t="s">
        <v>219</v>
      </c>
      <c r="G39" s="20" t="s">
        <v>128</v>
      </c>
    </row>
    <row r="40" spans="1:7" s="158" customFormat="1" ht="29.25" thickTop="1">
      <c r="A40" s="170"/>
      <c r="B40" s="170"/>
      <c r="C40" s="171"/>
      <c r="D40" s="172">
        <v>1</v>
      </c>
      <c r="E40" s="173" t="s">
        <v>59</v>
      </c>
      <c r="F40" s="173" t="s">
        <v>60</v>
      </c>
      <c r="G40" s="112" t="s">
        <v>109</v>
      </c>
    </row>
    <row r="41" spans="1:7" s="158" customFormat="1" ht="71.25" customHeight="1">
      <c r="A41" s="170"/>
      <c r="B41" s="170"/>
      <c r="C41" s="171"/>
      <c r="D41" s="174">
        <v>2</v>
      </c>
      <c r="E41" s="27" t="s">
        <v>61</v>
      </c>
      <c r="F41" s="27" t="s">
        <v>346</v>
      </c>
      <c r="G41" s="111" t="s">
        <v>109</v>
      </c>
    </row>
    <row r="42" spans="1:7" s="158" customFormat="1" ht="28.5">
      <c r="A42" s="170"/>
      <c r="B42" s="170"/>
      <c r="C42" s="171"/>
      <c r="D42" s="175">
        <v>3</v>
      </c>
      <c r="E42" s="176" t="s">
        <v>62</v>
      </c>
      <c r="F42" s="176" t="s">
        <v>63</v>
      </c>
      <c r="G42" s="111" t="s">
        <v>109</v>
      </c>
    </row>
    <row r="43" spans="1:7" s="161" customFormat="1">
      <c r="A43" s="160"/>
      <c r="B43" s="160"/>
      <c r="C43" s="286" t="s">
        <v>131</v>
      </c>
      <c r="D43" s="286"/>
      <c r="E43" s="286"/>
      <c r="F43" s="286"/>
      <c r="G43" s="286"/>
    </row>
    <row r="44" spans="1:7" s="161" customFormat="1" ht="25.5" customHeight="1">
      <c r="A44" s="160"/>
      <c r="B44" s="160"/>
      <c r="C44" s="286" t="s">
        <v>132</v>
      </c>
      <c r="D44" s="286"/>
      <c r="E44" s="286"/>
      <c r="F44" s="286"/>
      <c r="G44" s="286"/>
    </row>
    <row r="45" spans="1:7" s="161" customFormat="1">
      <c r="A45" s="160"/>
      <c r="B45" s="160"/>
      <c r="C45" s="284"/>
      <c r="D45" s="284"/>
      <c r="E45" s="284"/>
      <c r="F45" s="284"/>
      <c r="G45" s="284"/>
    </row>
    <row r="46" spans="1:7" s="161" customFormat="1" ht="15" customHeight="1">
      <c r="A46" s="160"/>
      <c r="B46" s="160"/>
      <c r="C46" s="283" t="s">
        <v>347</v>
      </c>
      <c r="D46" s="283"/>
      <c r="E46" s="283"/>
      <c r="F46" s="283"/>
      <c r="G46" s="283"/>
    </row>
    <row r="47" spans="1:7" s="161" customFormat="1">
      <c r="A47" s="160"/>
      <c r="B47" s="160"/>
      <c r="C47" s="177"/>
      <c r="D47" s="177"/>
      <c r="E47" s="177"/>
      <c r="F47" s="177"/>
      <c r="G47" s="177"/>
    </row>
    <row r="48" spans="1:7" s="33" customFormat="1">
      <c r="A48" s="12"/>
      <c r="B48" s="12"/>
      <c r="C48" s="103"/>
      <c r="D48" s="103"/>
      <c r="E48" s="103"/>
      <c r="F48" s="103"/>
      <c r="G48" s="103"/>
    </row>
    <row r="49" spans="1:7" s="33" customFormat="1">
      <c r="A49" s="12"/>
      <c r="B49" s="12"/>
      <c r="C49" s="103"/>
      <c r="D49" s="103"/>
      <c r="E49" s="103"/>
      <c r="F49" s="103"/>
      <c r="G49" s="103"/>
    </row>
    <row r="50" spans="1:7" s="33" customFormat="1">
      <c r="A50" s="12"/>
      <c r="B50" s="12"/>
      <c r="C50" s="103"/>
      <c r="D50" s="103"/>
      <c r="E50" s="103"/>
      <c r="F50" s="103"/>
      <c r="G50" s="103"/>
    </row>
    <row r="51" spans="1:7" s="33" customFormat="1">
      <c r="A51" s="12"/>
      <c r="B51" s="12"/>
      <c r="C51" s="103"/>
      <c r="D51" s="103"/>
      <c r="E51" s="103"/>
      <c r="F51" s="103"/>
      <c r="G51" s="103"/>
    </row>
    <row r="52" spans="1:7" s="33" customFormat="1">
      <c r="A52" s="12"/>
      <c r="B52" s="12"/>
      <c r="C52" s="103"/>
      <c r="D52" s="103"/>
      <c r="E52" s="103"/>
      <c r="F52" s="103"/>
      <c r="G52" s="103"/>
    </row>
    <row r="53" spans="1:7" s="33" customFormat="1">
      <c r="A53" s="12"/>
      <c r="B53" s="12"/>
      <c r="C53" s="103"/>
      <c r="D53" s="103"/>
      <c r="E53" s="103"/>
      <c r="F53" s="103"/>
      <c r="G53" s="103"/>
    </row>
    <row r="54" spans="1:7" s="33" customFormat="1">
      <c r="A54" s="12"/>
      <c r="B54" s="12"/>
      <c r="C54" s="103"/>
      <c r="D54" s="103"/>
      <c r="E54" s="103"/>
      <c r="F54" s="103"/>
      <c r="G54" s="103"/>
    </row>
    <row r="55" spans="1:7" s="33" customFormat="1">
      <c r="A55" s="12"/>
      <c r="B55" s="12"/>
      <c r="C55" s="103"/>
      <c r="D55" s="103"/>
      <c r="E55" s="103"/>
      <c r="F55" s="103"/>
      <c r="G55" s="103"/>
    </row>
    <row r="56" spans="1:7" s="33" customFormat="1">
      <c r="A56" s="12"/>
      <c r="B56" s="12"/>
      <c r="C56" s="103"/>
      <c r="D56" s="103"/>
      <c r="E56" s="103"/>
      <c r="F56" s="103"/>
      <c r="G56" s="103"/>
    </row>
    <row r="57" spans="1:7" s="33" customFormat="1">
      <c r="A57" s="12"/>
      <c r="B57" s="12"/>
      <c r="C57" s="103"/>
      <c r="D57" s="103"/>
      <c r="E57" s="103"/>
      <c r="F57" s="103"/>
      <c r="G57" s="103"/>
    </row>
    <row r="58" spans="1:7" s="33" customFormat="1">
      <c r="A58" s="12"/>
      <c r="B58" s="12"/>
      <c r="C58" s="103"/>
      <c r="D58" s="103"/>
      <c r="E58" s="103"/>
      <c r="F58" s="103"/>
      <c r="G58" s="103"/>
    </row>
    <row r="59" spans="1:7" s="33" customFormat="1">
      <c r="A59" s="12"/>
      <c r="B59" s="12"/>
      <c r="C59" s="103"/>
      <c r="D59" s="103"/>
      <c r="E59" s="103"/>
      <c r="F59" s="103"/>
      <c r="G59" s="103"/>
    </row>
    <row r="60" spans="1:7" s="33" customFormat="1">
      <c r="A60" s="12"/>
      <c r="B60" s="12"/>
      <c r="C60" s="103"/>
      <c r="D60" s="103"/>
      <c r="E60" s="103"/>
      <c r="F60" s="103"/>
      <c r="G60" s="103"/>
    </row>
    <row r="61" spans="1:7" s="33" customFormat="1">
      <c r="A61" s="282" t="s">
        <v>112</v>
      </c>
      <c r="B61" s="282"/>
      <c r="C61" s="282"/>
      <c r="D61" s="282"/>
      <c r="E61" s="282"/>
      <c r="F61" s="282"/>
      <c r="G61" s="282"/>
    </row>
    <row r="62" spans="1:7" s="33" customFormat="1">
      <c r="A62" s="12"/>
      <c r="B62" s="12"/>
      <c r="C62" s="103"/>
      <c r="D62" s="103"/>
      <c r="E62" s="103"/>
      <c r="F62" s="103"/>
      <c r="G62" s="103"/>
    </row>
    <row r="63" spans="1:7" s="33" customFormat="1">
      <c r="A63" s="12"/>
      <c r="B63" s="12"/>
      <c r="C63" s="103"/>
      <c r="D63" s="103"/>
      <c r="E63" s="103"/>
      <c r="F63" s="103"/>
      <c r="G63" s="103"/>
    </row>
    <row r="64" spans="1:7" s="33" customFormat="1">
      <c r="A64" s="12"/>
      <c r="B64" s="12"/>
      <c r="C64" s="103"/>
      <c r="D64" s="103"/>
      <c r="E64" s="103"/>
      <c r="F64" s="103"/>
      <c r="G64" s="103"/>
    </row>
    <row r="65" spans="1:7" s="33" customFormat="1">
      <c r="A65" s="12"/>
      <c r="B65" s="12"/>
      <c r="C65" s="103"/>
      <c r="D65" s="103"/>
      <c r="E65" s="103"/>
      <c r="F65" s="103"/>
      <c r="G65" s="103"/>
    </row>
    <row r="67" spans="1:7" s="33" customFormat="1">
      <c r="A67" s="12"/>
      <c r="B67" s="12"/>
      <c r="C67" s="13"/>
      <c r="D67" s="14"/>
      <c r="E67" s="15"/>
      <c r="F67" s="15"/>
      <c r="G67" s="13"/>
    </row>
  </sheetData>
  <sheetProtection password="E0C6" sheet="1" scenarios="1" selectLockedCells="1"/>
  <mergeCells count="10">
    <mergeCell ref="A61:G61"/>
    <mergeCell ref="C46:G46"/>
    <mergeCell ref="C45:G45"/>
    <mergeCell ref="C25:G25"/>
    <mergeCell ref="C43:G43"/>
    <mergeCell ref="C44:G44"/>
    <mergeCell ref="C33:G33"/>
    <mergeCell ref="C34:G34"/>
    <mergeCell ref="C38:G38"/>
    <mergeCell ref="C32:G32"/>
  </mergeCells>
  <phoneticPr fontId="7"/>
  <conditionalFormatting sqref="G27">
    <cfRule type="cellIs" dxfId="106" priority="8" operator="equal">
      <formula>"Not Applicable"</formula>
    </cfRule>
  </conditionalFormatting>
  <conditionalFormatting sqref="G28">
    <cfRule type="cellIs" dxfId="105" priority="7" operator="equal">
      <formula>"Not Applicable"</formula>
    </cfRule>
  </conditionalFormatting>
  <conditionalFormatting sqref="G29">
    <cfRule type="cellIs" dxfId="104" priority="6" operator="equal">
      <formula>"Not Applicable"</formula>
    </cfRule>
  </conditionalFormatting>
  <conditionalFormatting sqref="G30">
    <cfRule type="cellIs" dxfId="103" priority="5" operator="equal">
      <formula>"Not Applicable"</formula>
    </cfRule>
  </conditionalFormatting>
  <conditionalFormatting sqref="G31">
    <cfRule type="cellIs" dxfId="102" priority="4" operator="equal">
      <formula>"Not Applicable"</formula>
    </cfRule>
  </conditionalFormatting>
  <conditionalFormatting sqref="G40">
    <cfRule type="cellIs" dxfId="101" priority="3" operator="equal">
      <formula>"Not Applicable"</formula>
    </cfRule>
  </conditionalFormatting>
  <conditionalFormatting sqref="G41">
    <cfRule type="cellIs" dxfId="100" priority="2" operator="equal">
      <formula>"Not Applicable"</formula>
    </cfRule>
  </conditionalFormatting>
  <conditionalFormatting sqref="G42">
    <cfRule type="cellIs" dxfId="99" priority="1" operator="equal">
      <formula>"Not Applicable"</formula>
    </cfRule>
  </conditionalFormatting>
  <dataValidations count="1">
    <dataValidation type="list" showInputMessage="1" showErrorMessage="1" promptTitle="入力内容" prompt="判定基準を満たす： Applicable_x000a_満たさない： Not Applicable" sqref="G40:G42 G27:G31">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70" orientation="portrait" r:id="rId1"/>
  <headerFooter>
    <oddFooter>&amp;RV.10.0 (revised on Jun. 2018)</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G102"/>
  <sheetViews>
    <sheetView showGridLines="0" view="pageBreakPreview" zoomScaleNormal="100" zoomScaleSheetLayoutView="100" workbookViewId="0">
      <selection activeCell="G7" sqref="G7"/>
    </sheetView>
  </sheetViews>
  <sheetFormatPr defaultColWidth="0.7109375" defaultRowHeight="15"/>
  <cols>
    <col min="1" max="2" width="1.42578125" style="98" customWidth="1"/>
    <col min="3" max="3" width="0.7109375" style="6" customWidth="1"/>
    <col min="4" max="4" width="4.7109375" style="100" bestFit="1" customWidth="1"/>
    <col min="5" max="5" width="45.28515625" style="6" customWidth="1"/>
    <col min="6" max="6" width="67.5703125" style="6" customWidth="1"/>
    <col min="7" max="7" width="19.140625" style="6" customWidth="1"/>
    <col min="8" max="8" width="1.28515625" style="6" customWidth="1"/>
    <col min="9" max="16384" width="0.7109375" style="6"/>
  </cols>
  <sheetData>
    <row r="1" spans="1:7">
      <c r="G1" s="99" t="str">
        <f>A.RoHS!G1</f>
        <v xml:space="preserve"> </v>
      </c>
    </row>
    <row r="2" spans="1:7" s="33" customFormat="1" ht="15.75">
      <c r="A2" s="10" t="s">
        <v>220</v>
      </c>
      <c r="B2" s="12"/>
      <c r="C2" s="13"/>
      <c r="D2" s="14"/>
      <c r="E2" s="15"/>
      <c r="F2" s="15"/>
      <c r="G2" s="13"/>
    </row>
    <row r="3" spans="1:7" s="33" customFormat="1">
      <c r="A3" s="12"/>
      <c r="B3" s="12"/>
      <c r="C3" s="13"/>
      <c r="D3" s="14"/>
      <c r="E3" s="15"/>
      <c r="F3" s="15"/>
      <c r="G3" s="13"/>
    </row>
    <row r="4" spans="1:7" s="33" customFormat="1">
      <c r="A4" s="12"/>
      <c r="B4" s="12" t="s">
        <v>133</v>
      </c>
      <c r="C4" s="13"/>
      <c r="D4" s="14"/>
      <c r="E4" s="15"/>
      <c r="F4" s="15"/>
      <c r="G4" s="13"/>
    </row>
    <row r="5" spans="1:7" s="33" customFormat="1">
      <c r="A5" s="12"/>
      <c r="B5" s="12"/>
      <c r="C5" s="285" t="s">
        <v>221</v>
      </c>
      <c r="D5" s="285"/>
      <c r="E5" s="285"/>
      <c r="F5" s="285"/>
      <c r="G5" s="285"/>
    </row>
    <row r="6" spans="1:7" s="100" customFormat="1" ht="15.75" thickBot="1">
      <c r="A6" s="16"/>
      <c r="B6" s="16"/>
      <c r="C6" s="17"/>
      <c r="D6" s="18" t="s">
        <v>18</v>
      </c>
      <c r="E6" s="19" t="s">
        <v>134</v>
      </c>
      <c r="F6" s="19" t="s">
        <v>222</v>
      </c>
      <c r="G6" s="20" t="s">
        <v>128</v>
      </c>
    </row>
    <row r="7" spans="1:7" ht="31.5" customHeight="1" thickTop="1">
      <c r="A7" s="21"/>
      <c r="B7" s="21"/>
      <c r="C7" s="22"/>
      <c r="D7" s="23">
        <v>1</v>
      </c>
      <c r="E7" s="24" t="s">
        <v>64</v>
      </c>
      <c r="F7" s="24" t="s">
        <v>65</v>
      </c>
      <c r="G7" s="112" t="s">
        <v>109</v>
      </c>
    </row>
    <row r="8" spans="1:7" ht="31.5" customHeight="1">
      <c r="A8" s="21"/>
      <c r="B8" s="21"/>
      <c r="C8" s="22"/>
      <c r="D8" s="25">
        <v>2</v>
      </c>
      <c r="E8" s="26" t="s">
        <v>66</v>
      </c>
      <c r="F8" s="26" t="s">
        <v>65</v>
      </c>
      <c r="G8" s="111" t="s">
        <v>109</v>
      </c>
    </row>
    <row r="9" spans="1:7" ht="31.5" customHeight="1">
      <c r="A9" s="21"/>
      <c r="B9" s="21"/>
      <c r="C9" s="22"/>
      <c r="D9" s="25">
        <v>3</v>
      </c>
      <c r="E9" s="26" t="s">
        <v>52</v>
      </c>
      <c r="F9" s="26" t="s">
        <v>67</v>
      </c>
      <c r="G9" s="111" t="s">
        <v>109</v>
      </c>
    </row>
    <row r="10" spans="1:7" ht="31.5" customHeight="1">
      <c r="A10" s="21"/>
      <c r="B10" s="21"/>
      <c r="C10" s="22"/>
      <c r="D10" s="25">
        <v>4</v>
      </c>
      <c r="E10" s="27" t="s">
        <v>195</v>
      </c>
      <c r="F10" s="26" t="s">
        <v>196</v>
      </c>
      <c r="G10" s="111" t="s">
        <v>109</v>
      </c>
    </row>
    <row r="11" spans="1:7" ht="31.5" customHeight="1">
      <c r="A11" s="21"/>
      <c r="B11" s="21"/>
      <c r="C11" s="22"/>
      <c r="D11" s="25">
        <v>5</v>
      </c>
      <c r="E11" s="26" t="s">
        <v>68</v>
      </c>
      <c r="F11" s="26" t="s">
        <v>69</v>
      </c>
      <c r="G11" s="111" t="s">
        <v>109</v>
      </c>
    </row>
    <row r="12" spans="1:7" ht="31.5" customHeight="1">
      <c r="A12" s="21"/>
      <c r="B12" s="21"/>
      <c r="C12" s="22"/>
      <c r="D12" s="25">
        <v>6</v>
      </c>
      <c r="E12" s="26" t="s">
        <v>70</v>
      </c>
      <c r="F12" s="26" t="s">
        <v>67</v>
      </c>
      <c r="G12" s="111" t="s">
        <v>109</v>
      </c>
    </row>
    <row r="13" spans="1:7" ht="31.5" customHeight="1">
      <c r="A13" s="21"/>
      <c r="B13" s="21"/>
      <c r="C13" s="22"/>
      <c r="D13" s="25">
        <v>7</v>
      </c>
      <c r="E13" s="26" t="s">
        <v>71</v>
      </c>
      <c r="F13" s="26" t="s">
        <v>72</v>
      </c>
      <c r="G13" s="111" t="s">
        <v>109</v>
      </c>
    </row>
    <row r="14" spans="1:7" ht="31.5" customHeight="1">
      <c r="A14" s="21"/>
      <c r="B14" s="21"/>
      <c r="C14" s="22"/>
      <c r="D14" s="25">
        <v>8</v>
      </c>
      <c r="E14" s="26" t="s">
        <v>197</v>
      </c>
      <c r="F14" s="26" t="s">
        <v>67</v>
      </c>
      <c r="G14" s="111" t="s">
        <v>109</v>
      </c>
    </row>
    <row r="15" spans="1:7" ht="31.5" customHeight="1">
      <c r="A15" s="21"/>
      <c r="B15" s="21"/>
      <c r="C15" s="22"/>
      <c r="D15" s="25">
        <v>9</v>
      </c>
      <c r="E15" s="26" t="s">
        <v>198</v>
      </c>
      <c r="F15" s="27" t="s">
        <v>348</v>
      </c>
      <c r="G15" s="111" t="s">
        <v>109</v>
      </c>
    </row>
    <row r="16" spans="1:7" ht="31.5" customHeight="1">
      <c r="A16" s="21"/>
      <c r="B16" s="21"/>
      <c r="C16" s="22"/>
      <c r="D16" s="25">
        <v>10</v>
      </c>
      <c r="E16" s="26" t="s">
        <v>73</v>
      </c>
      <c r="F16" s="26" t="s">
        <v>65</v>
      </c>
      <c r="G16" s="111" t="s">
        <v>109</v>
      </c>
    </row>
    <row r="17" spans="1:7" ht="31.5" customHeight="1">
      <c r="A17" s="21"/>
      <c r="B17" s="21"/>
      <c r="C17" s="22"/>
      <c r="D17" s="25">
        <v>11</v>
      </c>
      <c r="E17" s="26" t="s">
        <v>74</v>
      </c>
      <c r="F17" s="26" t="s">
        <v>75</v>
      </c>
      <c r="G17" s="111" t="s">
        <v>109</v>
      </c>
    </row>
    <row r="18" spans="1:7" ht="31.5" customHeight="1">
      <c r="A18" s="21"/>
      <c r="B18" s="21"/>
      <c r="C18" s="22"/>
      <c r="D18" s="25">
        <v>12</v>
      </c>
      <c r="E18" s="26" t="s">
        <v>76</v>
      </c>
      <c r="F18" s="26" t="s">
        <v>67</v>
      </c>
      <c r="G18" s="111" t="s">
        <v>109</v>
      </c>
    </row>
    <row r="19" spans="1:7" ht="31.5" customHeight="1">
      <c r="A19" s="21"/>
      <c r="B19" s="21"/>
      <c r="C19" s="22"/>
      <c r="D19" s="25">
        <v>13</v>
      </c>
      <c r="E19" s="26" t="s">
        <v>77</v>
      </c>
      <c r="F19" s="26" t="s">
        <v>67</v>
      </c>
      <c r="G19" s="111" t="s">
        <v>109</v>
      </c>
    </row>
    <row r="20" spans="1:7" ht="31.5" customHeight="1">
      <c r="A20" s="21"/>
      <c r="B20" s="21"/>
      <c r="C20" s="22"/>
      <c r="D20" s="133">
        <v>14</v>
      </c>
      <c r="E20" s="134" t="s">
        <v>78</v>
      </c>
      <c r="F20" s="134" t="s">
        <v>79</v>
      </c>
      <c r="G20" s="111" t="s">
        <v>109</v>
      </c>
    </row>
    <row r="21" spans="1:7" s="33" customFormat="1">
      <c r="A21" s="12"/>
      <c r="B21" s="12"/>
      <c r="C21" s="294" t="s">
        <v>135</v>
      </c>
      <c r="D21" s="294"/>
      <c r="E21" s="294"/>
      <c r="F21" s="294"/>
      <c r="G21" s="294"/>
    </row>
    <row r="22" spans="1:7" s="33" customFormat="1" ht="8.25" customHeight="1">
      <c r="A22" s="12"/>
      <c r="B22" s="12"/>
      <c r="C22" s="295"/>
      <c r="D22" s="295"/>
      <c r="E22" s="295"/>
      <c r="F22" s="295"/>
      <c r="G22" s="295"/>
    </row>
    <row r="23" spans="1:7" s="161" customFormat="1" ht="15" customHeight="1">
      <c r="A23" s="160"/>
      <c r="B23" s="160"/>
      <c r="C23" s="288" t="s">
        <v>344</v>
      </c>
      <c r="D23" s="288"/>
      <c r="E23" s="288"/>
      <c r="F23" s="288"/>
      <c r="G23" s="288"/>
    </row>
    <row r="24" spans="1:7" s="33" customFormat="1">
      <c r="A24" s="12"/>
      <c r="B24" s="12"/>
      <c r="C24" s="13"/>
      <c r="D24" s="14"/>
      <c r="E24" s="15"/>
      <c r="F24" s="15"/>
      <c r="G24" s="13"/>
    </row>
    <row r="25" spans="1:7" s="33" customFormat="1">
      <c r="A25" s="12"/>
      <c r="B25" s="12"/>
      <c r="C25" s="13"/>
      <c r="D25" s="14"/>
      <c r="E25" s="15"/>
      <c r="F25" s="15"/>
      <c r="G25" s="13"/>
    </row>
    <row r="26" spans="1:7" s="33" customFormat="1">
      <c r="A26" s="12"/>
      <c r="B26" s="12" t="s">
        <v>136</v>
      </c>
      <c r="C26" s="13"/>
      <c r="D26" s="14"/>
      <c r="E26" s="15"/>
      <c r="F26" s="15"/>
      <c r="G26" s="13"/>
    </row>
    <row r="27" spans="1:7" s="33" customFormat="1" ht="15.75" customHeight="1">
      <c r="A27" s="12"/>
      <c r="B27" s="12"/>
      <c r="C27" s="285" t="s">
        <v>221</v>
      </c>
      <c r="D27" s="285"/>
      <c r="E27" s="285"/>
      <c r="F27" s="285"/>
      <c r="G27" s="285"/>
    </row>
    <row r="28" spans="1:7" s="100" customFormat="1" ht="15.75" thickBot="1">
      <c r="A28" s="16"/>
      <c r="B28" s="16"/>
      <c r="C28" s="17"/>
      <c r="D28" s="18" t="s">
        <v>18</v>
      </c>
      <c r="E28" s="19" t="s">
        <v>134</v>
      </c>
      <c r="F28" s="19" t="s">
        <v>222</v>
      </c>
      <c r="G28" s="20" t="s">
        <v>128</v>
      </c>
    </row>
    <row r="29" spans="1:7" ht="31.5" customHeight="1" thickTop="1">
      <c r="A29" s="21"/>
      <c r="B29" s="21"/>
      <c r="C29" s="22"/>
      <c r="D29" s="23">
        <v>1</v>
      </c>
      <c r="E29" s="24" t="s">
        <v>5</v>
      </c>
      <c r="F29" s="24" t="s">
        <v>65</v>
      </c>
      <c r="G29" s="112" t="s">
        <v>109</v>
      </c>
    </row>
    <row r="30" spans="1:7" ht="31.5" customHeight="1">
      <c r="A30" s="21"/>
      <c r="B30" s="21"/>
      <c r="C30" s="22"/>
      <c r="D30" s="25">
        <v>2</v>
      </c>
      <c r="E30" s="26" t="s">
        <v>6</v>
      </c>
      <c r="F30" s="26" t="s">
        <v>67</v>
      </c>
      <c r="G30" s="111" t="s">
        <v>109</v>
      </c>
    </row>
    <row r="31" spans="1:7" ht="31.5" customHeight="1">
      <c r="A31" s="21"/>
      <c r="B31" s="21"/>
      <c r="C31" s="22"/>
      <c r="D31" s="25">
        <v>3</v>
      </c>
      <c r="E31" s="26" t="s">
        <v>7</v>
      </c>
      <c r="F31" s="26" t="s">
        <v>67</v>
      </c>
      <c r="G31" s="111" t="s">
        <v>109</v>
      </c>
    </row>
    <row r="32" spans="1:7" ht="62.25" customHeight="1">
      <c r="A32" s="21"/>
      <c r="B32" s="21"/>
      <c r="C32" s="22"/>
      <c r="D32" s="25">
        <v>4</v>
      </c>
      <c r="E32" s="26" t="s">
        <v>278</v>
      </c>
      <c r="F32" s="27" t="s">
        <v>199</v>
      </c>
      <c r="G32" s="111" t="s">
        <v>109</v>
      </c>
    </row>
    <row r="33" spans="1:7" ht="31.5" customHeight="1">
      <c r="A33" s="21"/>
      <c r="B33" s="21"/>
      <c r="C33" s="22"/>
      <c r="D33" s="25">
        <v>5</v>
      </c>
      <c r="E33" s="26" t="s">
        <v>8</v>
      </c>
      <c r="F33" s="26" t="s">
        <v>67</v>
      </c>
      <c r="G33" s="111" t="s">
        <v>109</v>
      </c>
    </row>
    <row r="34" spans="1:7" ht="61.5" customHeight="1">
      <c r="A34" s="21"/>
      <c r="B34" s="21"/>
      <c r="C34" s="22"/>
      <c r="D34" s="25">
        <v>6</v>
      </c>
      <c r="E34" s="26" t="s">
        <v>49</v>
      </c>
      <c r="F34" s="26" t="s">
        <v>200</v>
      </c>
      <c r="G34" s="111" t="s">
        <v>109</v>
      </c>
    </row>
    <row r="35" spans="1:7" ht="31.5" customHeight="1">
      <c r="A35" s="21"/>
      <c r="B35" s="21"/>
      <c r="C35" s="22"/>
      <c r="D35" s="25">
        <v>7</v>
      </c>
      <c r="E35" s="26" t="s">
        <v>9</v>
      </c>
      <c r="F35" s="26" t="s">
        <v>80</v>
      </c>
      <c r="G35" s="111" t="s">
        <v>109</v>
      </c>
    </row>
    <row r="36" spans="1:7" ht="50.25" customHeight="1">
      <c r="A36" s="21"/>
      <c r="B36" s="21"/>
      <c r="C36" s="22"/>
      <c r="D36" s="25">
        <v>8</v>
      </c>
      <c r="E36" s="26" t="s">
        <v>10</v>
      </c>
      <c r="F36" s="26" t="s">
        <v>201</v>
      </c>
      <c r="G36" s="111" t="s">
        <v>109</v>
      </c>
    </row>
    <row r="37" spans="1:7" ht="31.5" customHeight="1">
      <c r="A37" s="21"/>
      <c r="B37" s="21"/>
      <c r="C37" s="22"/>
      <c r="D37" s="133">
        <v>9</v>
      </c>
      <c r="E37" s="134" t="s">
        <v>11</v>
      </c>
      <c r="F37" s="134" t="s">
        <v>81</v>
      </c>
      <c r="G37" s="111" t="s">
        <v>109</v>
      </c>
    </row>
    <row r="38" spans="1:7" s="33" customFormat="1">
      <c r="A38" s="12"/>
      <c r="B38" s="12"/>
      <c r="C38" s="13"/>
      <c r="D38" s="14"/>
      <c r="E38" s="15"/>
      <c r="F38" s="15"/>
      <c r="G38" s="104" t="s">
        <v>223</v>
      </c>
    </row>
    <row r="39" spans="1:7" s="33" customFormat="1">
      <c r="A39" s="12"/>
      <c r="B39" s="12"/>
      <c r="C39" s="13"/>
      <c r="D39" s="14"/>
      <c r="E39" s="15"/>
      <c r="F39" s="15"/>
      <c r="G39" s="104"/>
    </row>
    <row r="40" spans="1:7" s="33" customFormat="1">
      <c r="A40" s="12"/>
      <c r="B40" s="12"/>
      <c r="C40" s="13"/>
      <c r="D40" s="14"/>
      <c r="E40" s="15"/>
      <c r="F40" s="15"/>
      <c r="G40" s="104"/>
    </row>
    <row r="41" spans="1:7" s="33" customFormat="1">
      <c r="A41" s="12"/>
      <c r="B41" s="12"/>
      <c r="C41" s="13"/>
      <c r="D41" s="14"/>
      <c r="E41" s="15"/>
      <c r="F41" s="15"/>
      <c r="G41" s="104"/>
    </row>
    <row r="42" spans="1:7" s="33" customFormat="1">
      <c r="A42" s="12"/>
      <c r="B42" s="12"/>
      <c r="C42" s="13"/>
      <c r="D42" s="14"/>
      <c r="E42" s="15"/>
      <c r="F42" s="15"/>
      <c r="G42" s="104"/>
    </row>
    <row r="43" spans="1:7" s="33" customFormat="1">
      <c r="A43" s="12"/>
      <c r="B43" s="12"/>
      <c r="C43" s="13"/>
      <c r="D43" s="14"/>
      <c r="E43" s="15"/>
      <c r="F43" s="15"/>
      <c r="G43" s="104"/>
    </row>
    <row r="44" spans="1:7" s="33" customFormat="1">
      <c r="A44" s="12"/>
      <c r="B44" s="12"/>
      <c r="C44" s="13"/>
      <c r="D44" s="14"/>
      <c r="E44" s="15"/>
      <c r="F44" s="15"/>
      <c r="G44" s="104"/>
    </row>
    <row r="45" spans="1:7" s="33" customFormat="1">
      <c r="A45" s="12"/>
      <c r="B45" s="12"/>
      <c r="C45" s="13"/>
      <c r="D45" s="14"/>
      <c r="E45" s="15"/>
      <c r="F45" s="15"/>
      <c r="G45" s="104"/>
    </row>
    <row r="46" spans="1:7" s="33" customFormat="1">
      <c r="A46" s="12"/>
      <c r="B46" s="12"/>
      <c r="C46" s="13"/>
      <c r="D46" s="14"/>
      <c r="E46" s="15"/>
      <c r="F46" s="15"/>
      <c r="G46" s="104"/>
    </row>
    <row r="47" spans="1:7" s="33" customFormat="1">
      <c r="A47" s="12"/>
      <c r="B47" s="12"/>
      <c r="C47" s="13"/>
      <c r="D47" s="14"/>
      <c r="E47" s="15"/>
      <c r="F47" s="15"/>
      <c r="G47" s="104"/>
    </row>
    <row r="48" spans="1:7" s="33" customFormat="1">
      <c r="A48" s="282" t="s">
        <v>113</v>
      </c>
      <c r="B48" s="282"/>
      <c r="C48" s="282"/>
      <c r="D48" s="282"/>
      <c r="E48" s="282"/>
      <c r="F48" s="282"/>
      <c r="G48" s="282"/>
    </row>
    <row r="49" spans="1:7" s="33" customFormat="1">
      <c r="A49" s="12"/>
      <c r="B49" s="12"/>
      <c r="C49" s="13" t="s">
        <v>224</v>
      </c>
      <c r="D49" s="14"/>
      <c r="E49" s="15"/>
      <c r="F49" s="15"/>
      <c r="G49" s="105"/>
    </row>
    <row r="50" spans="1:7" s="100" customFormat="1" ht="15.75" thickBot="1">
      <c r="A50" s="16"/>
      <c r="B50" s="16"/>
      <c r="C50" s="17"/>
      <c r="D50" s="18" t="s">
        <v>18</v>
      </c>
      <c r="E50" s="19" t="s">
        <v>134</v>
      </c>
      <c r="F50" s="19" t="s">
        <v>222</v>
      </c>
      <c r="G50" s="20" t="s">
        <v>128</v>
      </c>
    </row>
    <row r="51" spans="1:7" ht="31.5" customHeight="1" thickTop="1">
      <c r="A51" s="21"/>
      <c r="B51" s="21"/>
      <c r="C51" s="22"/>
      <c r="D51" s="25">
        <v>10</v>
      </c>
      <c r="E51" s="27" t="s">
        <v>349</v>
      </c>
      <c r="F51" s="27" t="s">
        <v>67</v>
      </c>
      <c r="G51" s="111" t="s">
        <v>109</v>
      </c>
    </row>
    <row r="52" spans="1:7" ht="31.5" customHeight="1">
      <c r="A52" s="21"/>
      <c r="B52" s="21"/>
      <c r="C52" s="22"/>
      <c r="D52" s="25">
        <v>11</v>
      </c>
      <c r="E52" s="27" t="s">
        <v>13</v>
      </c>
      <c r="F52" s="27" t="s">
        <v>65</v>
      </c>
      <c r="G52" s="111" t="s">
        <v>109</v>
      </c>
    </row>
    <row r="53" spans="1:7" ht="31.5" customHeight="1">
      <c r="A53" s="21"/>
      <c r="B53" s="21"/>
      <c r="C53" s="22"/>
      <c r="D53" s="25">
        <v>12</v>
      </c>
      <c r="E53" s="27" t="s">
        <v>4</v>
      </c>
      <c r="F53" s="27" t="s">
        <v>65</v>
      </c>
      <c r="G53" s="111" t="s">
        <v>109</v>
      </c>
    </row>
    <row r="54" spans="1:7" ht="31.5" customHeight="1">
      <c r="A54" s="21"/>
      <c r="B54" s="21"/>
      <c r="C54" s="22"/>
      <c r="D54" s="25">
        <v>13</v>
      </c>
      <c r="E54" s="27" t="s">
        <v>174</v>
      </c>
      <c r="F54" s="27" t="s">
        <v>65</v>
      </c>
      <c r="G54" s="111" t="s">
        <v>109</v>
      </c>
    </row>
    <row r="55" spans="1:7" ht="31.5" customHeight="1">
      <c r="A55" s="21"/>
      <c r="B55" s="21"/>
      <c r="C55" s="22"/>
      <c r="D55" s="25">
        <v>14</v>
      </c>
      <c r="E55" s="27" t="s">
        <v>14</v>
      </c>
      <c r="F55" s="27" t="s">
        <v>79</v>
      </c>
      <c r="G55" s="111" t="s">
        <v>109</v>
      </c>
    </row>
    <row r="56" spans="1:7" ht="32.25" customHeight="1">
      <c r="A56" s="21"/>
      <c r="B56" s="21"/>
      <c r="C56" s="22"/>
      <c r="D56" s="25">
        <v>15</v>
      </c>
      <c r="E56" s="27" t="s">
        <v>50</v>
      </c>
      <c r="F56" s="27" t="s">
        <v>82</v>
      </c>
      <c r="G56" s="111" t="s">
        <v>109</v>
      </c>
    </row>
    <row r="57" spans="1:7" ht="31.5" customHeight="1">
      <c r="A57" s="21"/>
      <c r="B57" s="21"/>
      <c r="C57" s="22"/>
      <c r="D57" s="25">
        <v>16</v>
      </c>
      <c r="E57" s="27" t="s">
        <v>15</v>
      </c>
      <c r="F57" s="27" t="s">
        <v>65</v>
      </c>
      <c r="G57" s="111" t="s">
        <v>109</v>
      </c>
    </row>
    <row r="58" spans="1:7" ht="31.5" customHeight="1">
      <c r="A58" s="21"/>
      <c r="B58" s="21"/>
      <c r="C58" s="22"/>
      <c r="D58" s="25">
        <v>17</v>
      </c>
      <c r="E58" s="27" t="s">
        <v>350</v>
      </c>
      <c r="F58" s="27" t="s">
        <v>65</v>
      </c>
      <c r="G58" s="111" t="s">
        <v>109</v>
      </c>
    </row>
    <row r="59" spans="1:7" ht="32.25" customHeight="1">
      <c r="A59" s="21"/>
      <c r="B59" s="21"/>
      <c r="C59" s="22"/>
      <c r="D59" s="25">
        <v>18</v>
      </c>
      <c r="E59" s="27" t="s">
        <v>351</v>
      </c>
      <c r="F59" s="27" t="s">
        <v>65</v>
      </c>
      <c r="G59" s="111" t="s">
        <v>109</v>
      </c>
    </row>
    <row r="60" spans="1:7" ht="32.25" customHeight="1">
      <c r="A60" s="21"/>
      <c r="B60" s="21"/>
      <c r="C60" s="22"/>
      <c r="D60" s="25">
        <v>19</v>
      </c>
      <c r="E60" s="27" t="s">
        <v>352</v>
      </c>
      <c r="F60" s="27" t="s">
        <v>65</v>
      </c>
      <c r="G60" s="111" t="s">
        <v>109</v>
      </c>
    </row>
    <row r="61" spans="1:7" ht="31.5" customHeight="1">
      <c r="A61" s="21"/>
      <c r="B61" s="21"/>
      <c r="C61" s="22"/>
      <c r="D61" s="25">
        <v>20</v>
      </c>
      <c r="E61" s="27" t="s">
        <v>178</v>
      </c>
      <c r="F61" s="27" t="s">
        <v>105</v>
      </c>
      <c r="G61" s="111" t="s">
        <v>109</v>
      </c>
    </row>
    <row r="62" spans="1:7" s="158" customFormat="1" ht="31.5" customHeight="1">
      <c r="A62" s="170"/>
      <c r="B62" s="170"/>
      <c r="C62" s="171"/>
      <c r="D62" s="175">
        <v>21</v>
      </c>
      <c r="E62" s="176" t="s">
        <v>288</v>
      </c>
      <c r="F62" s="176" t="s">
        <v>65</v>
      </c>
      <c r="G62" s="111" t="s">
        <v>109</v>
      </c>
    </row>
    <row r="63" spans="1:7" s="33" customFormat="1">
      <c r="A63" s="12"/>
      <c r="B63" s="12"/>
      <c r="C63" s="294" t="s">
        <v>131</v>
      </c>
      <c r="D63" s="294"/>
      <c r="E63" s="294"/>
      <c r="F63" s="294"/>
      <c r="G63" s="294"/>
    </row>
    <row r="64" spans="1:7" s="33" customFormat="1">
      <c r="A64" s="12"/>
      <c r="B64" s="12"/>
      <c r="C64" s="294" t="s">
        <v>137</v>
      </c>
      <c r="D64" s="294"/>
      <c r="E64" s="294"/>
      <c r="F64" s="294"/>
      <c r="G64" s="294"/>
    </row>
    <row r="65" spans="1:7" s="33" customFormat="1">
      <c r="A65" s="12"/>
      <c r="B65" s="12"/>
      <c r="C65" s="294" t="s">
        <v>138</v>
      </c>
      <c r="D65" s="294"/>
      <c r="E65" s="294"/>
      <c r="F65" s="294"/>
      <c r="G65" s="294"/>
    </row>
    <row r="66" spans="1:7" s="33" customFormat="1">
      <c r="A66" s="12"/>
      <c r="B66" s="12"/>
      <c r="C66" s="294" t="s">
        <v>139</v>
      </c>
      <c r="D66" s="294"/>
      <c r="E66" s="294"/>
      <c r="F66" s="294"/>
      <c r="G66" s="294"/>
    </row>
    <row r="67" spans="1:7" s="33" customFormat="1">
      <c r="A67" s="12"/>
      <c r="B67" s="12"/>
      <c r="C67" s="290"/>
      <c r="D67" s="290"/>
      <c r="E67" s="290"/>
      <c r="F67" s="290"/>
      <c r="G67" s="290"/>
    </row>
    <row r="68" spans="1:7" s="161" customFormat="1" ht="15" customHeight="1">
      <c r="A68" s="160"/>
      <c r="B68" s="160"/>
      <c r="C68" s="283" t="s">
        <v>353</v>
      </c>
      <c r="D68" s="283"/>
      <c r="E68" s="283"/>
      <c r="F68" s="283"/>
      <c r="G68" s="283"/>
    </row>
    <row r="69" spans="1:7" s="33" customFormat="1">
      <c r="A69" s="12"/>
      <c r="B69" s="12"/>
      <c r="C69" s="13"/>
      <c r="D69" s="14"/>
      <c r="E69" s="15"/>
      <c r="F69" s="15"/>
      <c r="G69" s="13"/>
    </row>
    <row r="70" spans="1:7" s="33" customFormat="1">
      <c r="A70" s="12"/>
      <c r="B70" s="12"/>
      <c r="C70" s="13"/>
      <c r="D70" s="14"/>
      <c r="E70" s="15"/>
      <c r="F70" s="15"/>
      <c r="G70" s="13"/>
    </row>
    <row r="71" spans="1:7" s="33" customFormat="1">
      <c r="A71" s="12"/>
      <c r="B71" s="12" t="s">
        <v>140</v>
      </c>
      <c r="C71" s="13"/>
      <c r="D71" s="14"/>
      <c r="E71" s="15"/>
      <c r="F71" s="15"/>
      <c r="G71" s="13"/>
    </row>
    <row r="72" spans="1:7" s="33" customFormat="1" ht="15.75" customHeight="1">
      <c r="A72" s="12"/>
      <c r="B72" s="12"/>
      <c r="C72" s="285" t="s">
        <v>221</v>
      </c>
      <c r="D72" s="285"/>
      <c r="E72" s="285"/>
      <c r="F72" s="285"/>
      <c r="G72" s="285"/>
    </row>
    <row r="73" spans="1:7" ht="15.75" thickBot="1">
      <c r="A73" s="21"/>
      <c r="B73" s="21"/>
      <c r="C73" s="22"/>
      <c r="D73" s="18" t="s">
        <v>18</v>
      </c>
      <c r="E73" s="28" t="s">
        <v>141</v>
      </c>
      <c r="F73" s="28" t="s">
        <v>142</v>
      </c>
      <c r="G73" s="20" t="s">
        <v>128</v>
      </c>
    </row>
    <row r="74" spans="1:7" ht="29.25" thickTop="1">
      <c r="A74" s="21"/>
      <c r="B74" s="21"/>
      <c r="C74" s="22"/>
      <c r="D74" s="23">
        <v>1</v>
      </c>
      <c r="E74" s="24" t="s">
        <v>83</v>
      </c>
      <c r="F74" s="24" t="s">
        <v>143</v>
      </c>
      <c r="G74" s="111" t="s">
        <v>109</v>
      </c>
    </row>
    <row r="75" spans="1:7" ht="28.5">
      <c r="A75" s="21"/>
      <c r="B75" s="21"/>
      <c r="C75" s="22"/>
      <c r="D75" s="23"/>
      <c r="E75" s="24" t="s">
        <v>51</v>
      </c>
      <c r="F75" s="26" t="s">
        <v>144</v>
      </c>
      <c r="G75" s="114" t="s">
        <v>106</v>
      </c>
    </row>
    <row r="76" spans="1:7" ht="77.25" customHeight="1">
      <c r="A76" s="21"/>
      <c r="B76" s="21"/>
      <c r="C76" s="22"/>
      <c r="D76" s="23"/>
      <c r="E76" s="24"/>
      <c r="F76" s="26" t="s">
        <v>145</v>
      </c>
      <c r="G76" s="141" t="s">
        <v>118</v>
      </c>
    </row>
    <row r="77" spans="1:7">
      <c r="A77" s="21"/>
      <c r="B77" s="21"/>
      <c r="C77" s="22"/>
      <c r="D77" s="23"/>
      <c r="E77" s="24"/>
      <c r="F77" s="29" t="s">
        <v>202</v>
      </c>
      <c r="G77" s="292"/>
    </row>
    <row r="78" spans="1:7">
      <c r="A78" s="12"/>
      <c r="B78" s="12"/>
      <c r="C78" s="13"/>
      <c r="D78" s="23"/>
      <c r="E78" s="24"/>
      <c r="F78" s="29"/>
      <c r="G78" s="292"/>
    </row>
    <row r="79" spans="1:7">
      <c r="A79" s="21"/>
      <c r="B79" s="21"/>
      <c r="C79" s="22"/>
      <c r="D79" s="23"/>
      <c r="E79" s="24"/>
      <c r="F79" s="29" t="s">
        <v>203</v>
      </c>
      <c r="G79" s="293"/>
    </row>
    <row r="80" spans="1:7">
      <c r="A80" s="12"/>
      <c r="B80" s="12"/>
      <c r="C80" s="13"/>
      <c r="D80" s="101"/>
      <c r="E80" s="102"/>
      <c r="F80" s="106"/>
      <c r="G80" s="293"/>
    </row>
    <row r="81" spans="1:7" s="33" customFormat="1">
      <c r="A81" s="12"/>
      <c r="B81" s="12"/>
      <c r="C81" s="294" t="s">
        <v>146</v>
      </c>
      <c r="D81" s="294"/>
      <c r="E81" s="294"/>
      <c r="F81" s="294"/>
      <c r="G81" s="294"/>
    </row>
    <row r="82" spans="1:7" s="33" customFormat="1">
      <c r="A82" s="12"/>
      <c r="B82" s="12"/>
      <c r="C82" s="295"/>
      <c r="D82" s="295"/>
      <c r="E82" s="295"/>
      <c r="F82" s="295"/>
      <c r="G82" s="295"/>
    </row>
    <row r="83" spans="1:7" s="33" customFormat="1">
      <c r="A83" s="31"/>
      <c r="B83" s="31"/>
      <c r="C83" s="291" t="s">
        <v>110</v>
      </c>
      <c r="D83" s="291"/>
      <c r="E83" s="291"/>
      <c r="F83" s="291"/>
      <c r="G83" s="291"/>
    </row>
    <row r="84" spans="1:7" s="33" customFormat="1">
      <c r="A84" s="31"/>
      <c r="B84" s="31"/>
      <c r="D84" s="32"/>
    </row>
    <row r="85" spans="1:7" s="33" customFormat="1">
      <c r="A85" s="31"/>
      <c r="B85" s="31"/>
      <c r="D85" s="32"/>
    </row>
    <row r="86" spans="1:7" s="33" customFormat="1">
      <c r="A86" s="31"/>
      <c r="B86" s="31"/>
      <c r="D86" s="32"/>
      <c r="E86" s="299" t="s">
        <v>147</v>
      </c>
      <c r="F86" s="296"/>
    </row>
    <row r="87" spans="1:7">
      <c r="D87" s="6"/>
      <c r="E87" s="299"/>
      <c r="F87" s="297"/>
    </row>
    <row r="88" spans="1:7">
      <c r="D88" s="6"/>
    </row>
    <row r="89" spans="1:7">
      <c r="D89" s="6"/>
      <c r="E89" s="298" t="s">
        <v>148</v>
      </c>
      <c r="F89" s="296"/>
    </row>
    <row r="90" spans="1:7">
      <c r="E90" s="298"/>
      <c r="F90" s="297"/>
    </row>
    <row r="91" spans="1:7">
      <c r="F91" s="107" t="s">
        <v>362</v>
      </c>
    </row>
    <row r="92" spans="1:7">
      <c r="F92" s="107"/>
    </row>
    <row r="93" spans="1:7">
      <c r="F93" s="107"/>
    </row>
    <row r="94" spans="1:7">
      <c r="F94" s="107"/>
    </row>
    <row r="95" spans="1:7">
      <c r="F95" s="107"/>
    </row>
    <row r="96" spans="1:7">
      <c r="F96" s="107"/>
    </row>
    <row r="97" spans="1:7">
      <c r="F97" s="107"/>
    </row>
    <row r="98" spans="1:7">
      <c r="F98" s="107"/>
    </row>
    <row r="99" spans="1:7">
      <c r="F99" s="107"/>
    </row>
    <row r="100" spans="1:7">
      <c r="F100" s="107"/>
    </row>
    <row r="101" spans="1:7">
      <c r="F101" s="107"/>
    </row>
    <row r="102" spans="1:7">
      <c r="A102" s="282" t="s">
        <v>114</v>
      </c>
      <c r="B102" s="282"/>
      <c r="C102" s="282"/>
      <c r="D102" s="282"/>
      <c r="E102" s="282"/>
      <c r="F102" s="282"/>
      <c r="G102" s="282"/>
    </row>
  </sheetData>
  <sheetProtection password="E0C6" sheet="1" scenarios="1" selectLockedCells="1"/>
  <mergeCells count="23">
    <mergeCell ref="A102:G102"/>
    <mergeCell ref="F89:F90"/>
    <mergeCell ref="E89:E90"/>
    <mergeCell ref="E86:E87"/>
    <mergeCell ref="F86:F87"/>
    <mergeCell ref="C22:G22"/>
    <mergeCell ref="C21:G21"/>
    <mergeCell ref="C5:G5"/>
    <mergeCell ref="C23:G23"/>
    <mergeCell ref="C27:G27"/>
    <mergeCell ref="A48:G48"/>
    <mergeCell ref="C63:G63"/>
    <mergeCell ref="C64:G64"/>
    <mergeCell ref="C65:G65"/>
    <mergeCell ref="C66:G66"/>
    <mergeCell ref="C67:G67"/>
    <mergeCell ref="C68:G68"/>
    <mergeCell ref="C72:G72"/>
    <mergeCell ref="C83:G83"/>
    <mergeCell ref="G77:G78"/>
    <mergeCell ref="G79:G80"/>
    <mergeCell ref="C81:G81"/>
    <mergeCell ref="C82:G82"/>
  </mergeCells>
  <phoneticPr fontId="7"/>
  <conditionalFormatting sqref="G76">
    <cfRule type="cellIs" dxfId="98" priority="30" operator="equal">
      <formula>"Used"</formula>
    </cfRule>
  </conditionalFormatting>
  <conditionalFormatting sqref="G7">
    <cfRule type="cellIs" dxfId="97" priority="8" operator="equal">
      <formula>"Not Applicable"</formula>
    </cfRule>
  </conditionalFormatting>
  <conditionalFormatting sqref="G8">
    <cfRule type="cellIs" dxfId="96" priority="7" operator="equal">
      <formula>"Not Applicable"</formula>
    </cfRule>
  </conditionalFormatting>
  <conditionalFormatting sqref="G9">
    <cfRule type="cellIs" dxfId="95" priority="6" operator="equal">
      <formula>"Not Applicable"</formula>
    </cfRule>
  </conditionalFormatting>
  <conditionalFormatting sqref="G10:G20">
    <cfRule type="cellIs" dxfId="94" priority="5" operator="equal">
      <formula>"Not Applicable"</formula>
    </cfRule>
  </conditionalFormatting>
  <conditionalFormatting sqref="G29:G37">
    <cfRule type="cellIs" dxfId="93" priority="4" operator="equal">
      <formula>"Not Applicable"</formula>
    </cfRule>
  </conditionalFormatting>
  <conditionalFormatting sqref="G51:G61">
    <cfRule type="cellIs" dxfId="92" priority="3" operator="equal">
      <formula>"Not Applicable"</formula>
    </cfRule>
  </conditionalFormatting>
  <conditionalFormatting sqref="G74">
    <cfRule type="cellIs" dxfId="91" priority="2" operator="equal">
      <formula>"Not Applicable"</formula>
    </cfRule>
  </conditionalFormatting>
  <conditionalFormatting sqref="G62">
    <cfRule type="cellIs" dxfId="90" priority="1" operator="equal">
      <formula>"Not Applicable"</formula>
    </cfRule>
  </conditionalFormatting>
  <dataValidations count="3">
    <dataValidation type="list" allowBlank="1" showInputMessage="1" showErrorMessage="1" promptTitle="入力内容" prompt="使用している： Used_x000a_使用していない： Not Used" sqref="G76">
      <formula1>"&lt; Used / Not Used &gt;, Used, Not Used"</formula1>
    </dataValidation>
    <dataValidation type="list" allowBlank="1" showInputMessage="1" showErrorMessage="1" prompt="Use PWB： Yes_x000a_Do not use PWB： No" sqref="G75">
      <formula1>"&lt; Yes / No &gt;, Yes, No"</formula1>
    </dataValidation>
    <dataValidation type="list" showInputMessage="1" showErrorMessage="1" promptTitle="入力内容" prompt="判定基準を満たす： Applicable_x000a_満たさない： Not Applicable" sqref="G7:G20 G29:G37 G74 G51:G62">
      <formula1>"&lt; Applicable                  / Not Applicable &gt;, Applicable, Not Applicable"</formula1>
    </dataValidation>
  </dataValidations>
  <printOptions horizontalCentered="1"/>
  <pageMargins left="0.59055118110236227" right="0.59055118110236227" top="0.59055118110236227" bottom="0.59055118110236227" header="0.31496062992125984" footer="0.31496062992125984"/>
  <pageSetup paperSize="9" scale="67" fitToHeight="2" orientation="portrait" r:id="rId1"/>
  <headerFooter>
    <oddFooter>&amp;RV.10.0 (revised on Jun. 2018)</oddFooter>
  </headerFooter>
  <rowBreaks count="1" manualBreakCount="1">
    <brk id="48" max="6"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56"/>
  <sheetViews>
    <sheetView showGridLines="0" view="pageBreakPreview" zoomScaleNormal="100" zoomScaleSheetLayoutView="100" workbookViewId="0">
      <selection activeCell="I6" sqref="I6"/>
    </sheetView>
  </sheetViews>
  <sheetFormatPr defaultColWidth="0.85546875" defaultRowHeight="15"/>
  <cols>
    <col min="1" max="1" width="2.140625" style="31" customWidth="1"/>
    <col min="2" max="2" width="1.85546875" style="31" customWidth="1"/>
    <col min="3" max="3" width="4" style="32" bestFit="1" customWidth="1"/>
    <col min="4" max="4" width="3" style="33" customWidth="1"/>
    <col min="5" max="5" width="12.5703125" style="32" customWidth="1"/>
    <col min="6" max="6" width="5.42578125" style="34" bestFit="1" customWidth="1"/>
    <col min="7" max="7" width="98.85546875" style="35" customWidth="1"/>
    <col min="8" max="8" width="13.42578125" style="32" bestFit="1" customWidth="1"/>
    <col min="9" max="9" width="13.140625" style="33" customWidth="1"/>
    <col min="10" max="16384" width="0.85546875" style="33"/>
  </cols>
  <sheetData>
    <row r="1" spans="1:9">
      <c r="I1" s="99" t="str">
        <f>A.RoHS!G1</f>
        <v xml:space="preserve"> </v>
      </c>
    </row>
    <row r="2" spans="1:9">
      <c r="A2" s="31" t="s">
        <v>149</v>
      </c>
    </row>
    <row r="3" spans="1:9" ht="33.75" customHeight="1">
      <c r="B3" s="300" t="s">
        <v>280</v>
      </c>
      <c r="C3" s="300"/>
      <c r="D3" s="300"/>
      <c r="E3" s="300"/>
      <c r="F3" s="300"/>
      <c r="G3" s="300"/>
      <c r="H3" s="300"/>
      <c r="I3" s="300"/>
    </row>
    <row r="4" spans="1:9" ht="43.5" thickBot="1">
      <c r="C4" s="301" t="s">
        <v>127</v>
      </c>
      <c r="D4" s="302"/>
      <c r="E4" s="303"/>
      <c r="F4" s="36" t="s">
        <v>18</v>
      </c>
      <c r="G4" s="37" t="s">
        <v>150</v>
      </c>
      <c r="H4" s="38" t="s">
        <v>151</v>
      </c>
      <c r="I4" s="39" t="s">
        <v>128</v>
      </c>
    </row>
    <row r="5" spans="1:9" ht="15.75" thickTop="1">
      <c r="C5" s="40">
        <v>1</v>
      </c>
      <c r="D5" s="33" t="s">
        <v>152</v>
      </c>
      <c r="I5" s="41"/>
    </row>
    <row r="6" spans="1:9" ht="24" customHeight="1">
      <c r="C6" s="40"/>
      <c r="D6" s="42"/>
      <c r="E6" s="142" t="s">
        <v>16</v>
      </c>
      <c r="F6" s="44">
        <v>1</v>
      </c>
      <c r="G6" s="45" t="s">
        <v>367</v>
      </c>
      <c r="H6" s="46" t="s">
        <v>1</v>
      </c>
      <c r="I6" s="116" t="s">
        <v>119</v>
      </c>
    </row>
    <row r="7" spans="1:9" ht="24" customHeight="1">
      <c r="C7" s="40"/>
      <c r="D7" s="42"/>
      <c r="E7" s="49" t="s">
        <v>17</v>
      </c>
      <c r="F7" s="44">
        <v>2</v>
      </c>
      <c r="G7" s="45" t="s">
        <v>153</v>
      </c>
      <c r="H7" s="48" t="s">
        <v>86</v>
      </c>
      <c r="I7" s="115" t="s">
        <v>119</v>
      </c>
    </row>
    <row r="8" spans="1:9" ht="29.25" customHeight="1">
      <c r="C8" s="40"/>
      <c r="D8" s="42"/>
      <c r="E8" s="49"/>
      <c r="F8" s="44">
        <v>3</v>
      </c>
      <c r="G8" s="45" t="s">
        <v>363</v>
      </c>
      <c r="H8" s="48" t="s">
        <v>364</v>
      </c>
      <c r="I8" s="115" t="s">
        <v>119</v>
      </c>
    </row>
    <row r="9" spans="1:9" ht="24" customHeight="1">
      <c r="C9" s="40"/>
      <c r="D9" s="42"/>
      <c r="E9" s="49"/>
      <c r="F9" s="44">
        <v>4</v>
      </c>
      <c r="G9" s="45" t="s">
        <v>365</v>
      </c>
      <c r="H9" s="48" t="s">
        <v>366</v>
      </c>
      <c r="I9" s="227" t="s">
        <v>119</v>
      </c>
    </row>
    <row r="10" spans="1:9" ht="34.5" customHeight="1">
      <c r="C10" s="40"/>
      <c r="D10" s="42"/>
      <c r="E10" s="49"/>
      <c r="F10" s="44">
        <v>5</v>
      </c>
      <c r="G10" s="45" t="s">
        <v>204</v>
      </c>
      <c r="H10" s="48" t="s">
        <v>85</v>
      </c>
      <c r="I10" s="143" t="s">
        <v>119</v>
      </c>
    </row>
    <row r="11" spans="1:9">
      <c r="C11" s="40"/>
      <c r="D11" s="42"/>
      <c r="E11" s="49"/>
      <c r="F11" s="58"/>
      <c r="G11" s="61" t="s">
        <v>154</v>
      </c>
      <c r="H11" s="48" t="s">
        <v>85</v>
      </c>
      <c r="I11" s="306" t="s">
        <v>107</v>
      </c>
    </row>
    <row r="12" spans="1:9">
      <c r="C12" s="40"/>
      <c r="D12" s="42"/>
      <c r="E12" s="49"/>
      <c r="F12" s="58"/>
      <c r="G12" s="62"/>
      <c r="H12" s="60"/>
      <c r="I12" s="305"/>
    </row>
    <row r="13" spans="1:9">
      <c r="C13" s="40"/>
      <c r="D13" s="42"/>
      <c r="E13" s="49"/>
      <c r="F13" s="58"/>
      <c r="G13" s="62" t="s">
        <v>155</v>
      </c>
      <c r="H13" s="48" t="s">
        <v>85</v>
      </c>
      <c r="I13" s="304"/>
    </row>
    <row r="14" spans="1:9">
      <c r="C14" s="47"/>
      <c r="D14" s="55"/>
      <c r="E14" s="60"/>
      <c r="F14" s="108"/>
      <c r="G14" s="33"/>
      <c r="H14" s="60"/>
      <c r="I14" s="305"/>
    </row>
    <row r="15" spans="1:9">
      <c r="C15" s="46">
        <v>2</v>
      </c>
      <c r="D15" s="50" t="s">
        <v>156</v>
      </c>
      <c r="E15" s="51"/>
      <c r="F15" s="52"/>
      <c r="G15" s="53"/>
      <c r="H15" s="51"/>
      <c r="I15" s="54"/>
    </row>
    <row r="16" spans="1:9" ht="24" customHeight="1">
      <c r="C16" s="40"/>
      <c r="D16" s="42"/>
      <c r="E16" s="43" t="s">
        <v>16</v>
      </c>
      <c r="F16" s="44">
        <v>1</v>
      </c>
      <c r="G16" s="45" t="s">
        <v>32</v>
      </c>
      <c r="H16" s="46" t="s">
        <v>85</v>
      </c>
      <c r="I16" s="116" t="s">
        <v>119</v>
      </c>
    </row>
    <row r="17" spans="3:9" ht="34.5" customHeight="1">
      <c r="C17" s="40"/>
      <c r="D17" s="42"/>
      <c r="E17" s="56"/>
      <c r="F17" s="44">
        <v>2</v>
      </c>
      <c r="G17" s="45" t="s">
        <v>33</v>
      </c>
      <c r="H17" s="46" t="s">
        <v>85</v>
      </c>
      <c r="I17" s="109" t="s">
        <v>119</v>
      </c>
    </row>
    <row r="18" spans="3:9" ht="24" customHeight="1">
      <c r="C18" s="40"/>
      <c r="D18" s="42"/>
      <c r="E18" s="56"/>
      <c r="F18" s="44">
        <v>3</v>
      </c>
      <c r="G18" s="45" t="s">
        <v>368</v>
      </c>
      <c r="H18" s="46" t="s">
        <v>85</v>
      </c>
      <c r="I18" s="116" t="s">
        <v>119</v>
      </c>
    </row>
    <row r="19" spans="3:9" ht="24" customHeight="1">
      <c r="C19" s="40"/>
      <c r="D19" s="42"/>
      <c r="E19" s="48" t="s">
        <v>17</v>
      </c>
      <c r="F19" s="44">
        <v>4</v>
      </c>
      <c r="G19" s="45" t="s">
        <v>205</v>
      </c>
      <c r="H19" s="46" t="s">
        <v>87</v>
      </c>
      <c r="I19" s="116" t="s">
        <v>119</v>
      </c>
    </row>
    <row r="20" spans="3:9" ht="34.5" customHeight="1">
      <c r="C20" s="40"/>
      <c r="D20" s="42"/>
      <c r="E20" s="49"/>
      <c r="F20" s="44">
        <v>5</v>
      </c>
      <c r="G20" s="45" t="s">
        <v>34</v>
      </c>
      <c r="H20" s="46" t="s">
        <v>3</v>
      </c>
      <c r="I20" s="109" t="s">
        <v>119</v>
      </c>
    </row>
    <row r="21" spans="3:9" ht="24" customHeight="1">
      <c r="C21" s="40"/>
      <c r="D21" s="42"/>
      <c r="E21" s="49"/>
      <c r="F21" s="44">
        <v>6</v>
      </c>
      <c r="G21" s="45" t="s">
        <v>19</v>
      </c>
      <c r="H21" s="46" t="s">
        <v>88</v>
      </c>
      <c r="I21" s="116" t="s">
        <v>119</v>
      </c>
    </row>
    <row r="22" spans="3:9" ht="24" customHeight="1">
      <c r="C22" s="40"/>
      <c r="D22" s="42"/>
      <c r="E22" s="49"/>
      <c r="F22" s="44">
        <v>7</v>
      </c>
      <c r="G22" s="45" t="s">
        <v>157</v>
      </c>
      <c r="H22" s="46"/>
      <c r="I22" s="57" t="s">
        <v>108</v>
      </c>
    </row>
    <row r="23" spans="3:9" ht="24" customHeight="1">
      <c r="C23" s="40"/>
      <c r="D23" s="42"/>
      <c r="E23" s="49"/>
      <c r="F23" s="58"/>
      <c r="G23" s="59" t="s">
        <v>227</v>
      </c>
      <c r="H23" s="46" t="s">
        <v>89</v>
      </c>
      <c r="I23" s="109" t="s">
        <v>119</v>
      </c>
    </row>
    <row r="24" spans="3:9" ht="24" customHeight="1">
      <c r="C24" s="40"/>
      <c r="D24" s="42"/>
      <c r="E24" s="49"/>
      <c r="F24" s="58"/>
      <c r="G24" s="59" t="s">
        <v>228</v>
      </c>
      <c r="H24" s="46" t="s">
        <v>90</v>
      </c>
      <c r="I24" s="109" t="s">
        <v>119</v>
      </c>
    </row>
    <row r="25" spans="3:9" ht="24" customHeight="1">
      <c r="C25" s="40"/>
      <c r="D25" s="42"/>
      <c r="E25" s="49"/>
      <c r="F25" s="58"/>
      <c r="G25" s="59" t="s">
        <v>225</v>
      </c>
      <c r="H25" s="46" t="s">
        <v>91</v>
      </c>
      <c r="I25" s="109" t="s">
        <v>119</v>
      </c>
    </row>
    <row r="26" spans="3:9" ht="24" customHeight="1">
      <c r="C26" s="40"/>
      <c r="D26" s="42"/>
      <c r="E26" s="49"/>
      <c r="F26" s="44">
        <v>8</v>
      </c>
      <c r="G26" s="45" t="s">
        <v>35</v>
      </c>
      <c r="H26" s="46">
        <v>15</v>
      </c>
      <c r="I26" s="116" t="s">
        <v>119</v>
      </c>
    </row>
    <row r="27" spans="3:9" ht="24" customHeight="1">
      <c r="C27" s="40"/>
      <c r="D27" s="42"/>
      <c r="E27" s="49"/>
      <c r="F27" s="44">
        <v>9</v>
      </c>
      <c r="G27" s="45" t="s">
        <v>365</v>
      </c>
      <c r="H27" s="46" t="s">
        <v>92</v>
      </c>
      <c r="I27" s="116" t="s">
        <v>119</v>
      </c>
    </row>
    <row r="28" spans="3:9" ht="24" customHeight="1">
      <c r="C28" s="40"/>
      <c r="D28" s="42"/>
      <c r="E28" s="49"/>
      <c r="F28" s="44">
        <v>10</v>
      </c>
      <c r="G28" s="45" t="s">
        <v>369</v>
      </c>
      <c r="H28" s="46" t="s">
        <v>370</v>
      </c>
      <c r="I28" s="109" t="s">
        <v>119</v>
      </c>
    </row>
    <row r="29" spans="3:9" ht="24" customHeight="1">
      <c r="C29" s="40"/>
      <c r="D29" s="42"/>
      <c r="E29" s="49"/>
      <c r="F29" s="44">
        <v>11</v>
      </c>
      <c r="G29" s="45" t="s">
        <v>371</v>
      </c>
      <c r="H29" s="46" t="s">
        <v>366</v>
      </c>
      <c r="I29" s="228" t="s">
        <v>119</v>
      </c>
    </row>
    <row r="30" spans="3:9" ht="49.5" customHeight="1">
      <c r="C30" s="40"/>
      <c r="D30" s="42"/>
      <c r="E30" s="49"/>
      <c r="F30" s="44">
        <v>12</v>
      </c>
      <c r="G30" s="45" t="s">
        <v>372</v>
      </c>
      <c r="H30" s="46" t="s">
        <v>373</v>
      </c>
      <c r="I30" s="228" t="s">
        <v>119</v>
      </c>
    </row>
    <row r="31" spans="3:9" ht="24" customHeight="1">
      <c r="C31" s="40"/>
      <c r="D31" s="42"/>
      <c r="E31" s="49"/>
      <c r="F31" s="44">
        <v>13</v>
      </c>
      <c r="G31" s="45" t="s">
        <v>36</v>
      </c>
      <c r="H31" s="46" t="s">
        <v>2</v>
      </c>
      <c r="I31" s="116" t="s">
        <v>119</v>
      </c>
    </row>
    <row r="32" spans="3:9" ht="34.5" customHeight="1">
      <c r="C32" s="40"/>
      <c r="D32" s="42"/>
      <c r="E32" s="49"/>
      <c r="F32" s="44">
        <v>14</v>
      </c>
      <c r="G32" s="45" t="s">
        <v>206</v>
      </c>
      <c r="H32" s="46" t="s">
        <v>99</v>
      </c>
      <c r="I32" s="109" t="s">
        <v>119</v>
      </c>
    </row>
    <row r="33" spans="3:9" ht="34.5" customHeight="1">
      <c r="C33" s="40"/>
      <c r="D33" s="42"/>
      <c r="E33" s="49"/>
      <c r="F33" s="44">
        <v>15</v>
      </c>
      <c r="G33" s="45" t="s">
        <v>204</v>
      </c>
      <c r="H33" s="48" t="s">
        <v>85</v>
      </c>
      <c r="I33" s="143" t="s">
        <v>119</v>
      </c>
    </row>
    <row r="34" spans="3:9">
      <c r="C34" s="40"/>
      <c r="D34" s="42"/>
      <c r="E34" s="49"/>
      <c r="F34" s="58"/>
      <c r="G34" s="61" t="s">
        <v>158</v>
      </c>
      <c r="H34" s="48" t="s">
        <v>85</v>
      </c>
      <c r="I34" s="306" t="s">
        <v>107</v>
      </c>
    </row>
    <row r="35" spans="3:9">
      <c r="C35" s="40"/>
      <c r="D35" s="42"/>
      <c r="E35" s="49"/>
      <c r="F35" s="58"/>
      <c r="G35" s="62"/>
      <c r="H35" s="60"/>
      <c r="I35" s="305"/>
    </row>
    <row r="36" spans="3:9">
      <c r="C36" s="40"/>
      <c r="D36" s="42"/>
      <c r="E36" s="49"/>
      <c r="F36" s="58"/>
      <c r="G36" s="62" t="s">
        <v>155</v>
      </c>
      <c r="H36" s="48" t="s">
        <v>85</v>
      </c>
      <c r="I36" s="304"/>
    </row>
    <row r="37" spans="3:9">
      <c r="C37" s="47"/>
      <c r="D37" s="55"/>
      <c r="E37" s="60"/>
      <c r="F37" s="108"/>
      <c r="G37" s="33"/>
      <c r="H37" s="60"/>
      <c r="I37" s="305"/>
    </row>
    <row r="38" spans="3:9">
      <c r="C38" s="46">
        <v>3</v>
      </c>
      <c r="D38" s="50" t="s">
        <v>159</v>
      </c>
      <c r="E38" s="51"/>
      <c r="F38" s="52"/>
      <c r="G38" s="53"/>
      <c r="H38" s="51"/>
      <c r="I38" s="54"/>
    </row>
    <row r="39" spans="3:9" ht="24" customHeight="1">
      <c r="C39" s="40"/>
      <c r="D39" s="42"/>
      <c r="E39" s="43" t="s">
        <v>16</v>
      </c>
      <c r="F39" s="44">
        <v>1</v>
      </c>
      <c r="G39" s="45" t="s">
        <v>207</v>
      </c>
      <c r="H39" s="46" t="s">
        <v>85</v>
      </c>
      <c r="I39" s="116" t="s">
        <v>119</v>
      </c>
    </row>
    <row r="40" spans="3:9" ht="34.5" customHeight="1">
      <c r="C40" s="40"/>
      <c r="D40" s="42"/>
      <c r="E40" s="48" t="s">
        <v>17</v>
      </c>
      <c r="F40" s="44">
        <v>2</v>
      </c>
      <c r="G40" s="45" t="s">
        <v>37</v>
      </c>
      <c r="H40" s="46"/>
      <c r="I40" s="57"/>
    </row>
    <row r="41" spans="3:9" ht="24" customHeight="1">
      <c r="C41" s="40"/>
      <c r="D41" s="42"/>
      <c r="E41" s="49"/>
      <c r="F41" s="58"/>
      <c r="G41" s="59" t="s">
        <v>229</v>
      </c>
      <c r="H41" s="46" t="s">
        <v>93</v>
      </c>
      <c r="I41" s="109" t="s">
        <v>119</v>
      </c>
    </row>
    <row r="42" spans="3:9" ht="24" customHeight="1">
      <c r="C42" s="40"/>
      <c r="D42" s="42"/>
      <c r="E42" s="49"/>
      <c r="F42" s="58"/>
      <c r="G42" s="59" t="s">
        <v>230</v>
      </c>
      <c r="H42" s="46" t="s">
        <v>94</v>
      </c>
      <c r="I42" s="110" t="s">
        <v>119</v>
      </c>
    </row>
    <row r="43" spans="3:9" ht="24" customHeight="1">
      <c r="C43" s="40"/>
      <c r="D43" s="42"/>
      <c r="E43" s="49"/>
      <c r="F43" s="58"/>
      <c r="G43" s="59" t="s">
        <v>226</v>
      </c>
      <c r="H43" s="46" t="s">
        <v>95</v>
      </c>
      <c r="I43" s="109" t="s">
        <v>119</v>
      </c>
    </row>
    <row r="44" spans="3:9" ht="24" customHeight="1">
      <c r="C44" s="40"/>
      <c r="D44" s="42"/>
      <c r="E44" s="49"/>
      <c r="F44" s="44">
        <v>3</v>
      </c>
      <c r="G44" s="45" t="s">
        <v>160</v>
      </c>
      <c r="H44" s="48" t="s">
        <v>96</v>
      </c>
      <c r="I44" s="115" t="s">
        <v>119</v>
      </c>
    </row>
    <row r="45" spans="3:9" ht="34.5" customHeight="1">
      <c r="C45" s="40"/>
      <c r="D45" s="42"/>
      <c r="E45" s="49"/>
      <c r="F45" s="44">
        <v>4</v>
      </c>
      <c r="G45" s="45" t="s">
        <v>38</v>
      </c>
      <c r="H45" s="46" t="s">
        <v>97</v>
      </c>
      <c r="I45" s="109" t="s">
        <v>119</v>
      </c>
    </row>
    <row r="46" spans="3:9" ht="34.5" customHeight="1">
      <c r="C46" s="40"/>
      <c r="D46" s="42"/>
      <c r="E46" s="49"/>
      <c r="F46" s="44">
        <v>5</v>
      </c>
      <c r="G46" s="45" t="s">
        <v>204</v>
      </c>
      <c r="H46" s="48" t="s">
        <v>85</v>
      </c>
      <c r="I46" s="143" t="s">
        <v>119</v>
      </c>
    </row>
    <row r="47" spans="3:9">
      <c r="C47" s="40"/>
      <c r="D47" s="42"/>
      <c r="E47" s="49"/>
      <c r="F47" s="58"/>
      <c r="G47" s="61" t="s">
        <v>154</v>
      </c>
      <c r="H47" s="48" t="s">
        <v>85</v>
      </c>
      <c r="I47" s="306" t="s">
        <v>107</v>
      </c>
    </row>
    <row r="48" spans="3:9">
      <c r="C48" s="40"/>
      <c r="D48" s="42"/>
      <c r="E48" s="49"/>
      <c r="F48" s="58"/>
      <c r="G48" s="62"/>
      <c r="H48" s="60"/>
      <c r="I48" s="305"/>
    </row>
    <row r="49" spans="1:9">
      <c r="C49" s="40"/>
      <c r="D49" s="42"/>
      <c r="E49" s="49"/>
      <c r="F49" s="58"/>
      <c r="G49" s="62" t="s">
        <v>155</v>
      </c>
      <c r="H49" s="48" t="s">
        <v>85</v>
      </c>
      <c r="I49" s="304"/>
    </row>
    <row r="50" spans="1:9">
      <c r="C50" s="47"/>
      <c r="D50" s="55"/>
      <c r="E50" s="60"/>
      <c r="F50" s="108"/>
      <c r="G50" s="63"/>
      <c r="H50" s="60"/>
      <c r="I50" s="305"/>
    </row>
    <row r="51" spans="1:9">
      <c r="B51" s="2" t="s">
        <v>161</v>
      </c>
    </row>
    <row r="52" spans="1:9">
      <c r="B52" s="2" t="s">
        <v>398</v>
      </c>
    </row>
    <row r="53" spans="1:9" ht="6.75" customHeight="1"/>
    <row r="54" spans="1:9">
      <c r="A54" s="282" t="s">
        <v>115</v>
      </c>
      <c r="B54" s="282"/>
      <c r="C54" s="282"/>
      <c r="D54" s="282"/>
      <c r="E54" s="282"/>
      <c r="F54" s="282"/>
      <c r="G54" s="282"/>
      <c r="H54" s="282"/>
      <c r="I54" s="282"/>
    </row>
    <row r="56" spans="1:9" ht="14.25">
      <c r="A56" s="33"/>
      <c r="B56" s="33"/>
      <c r="C56" s="33"/>
      <c r="E56" s="33"/>
      <c r="F56" s="33"/>
      <c r="G56" s="33"/>
      <c r="H56" s="33"/>
    </row>
  </sheetData>
  <sheetProtection password="E0C6" sheet="1" scenarios="1" selectLockedCells="1"/>
  <mergeCells count="9">
    <mergeCell ref="B3:I3"/>
    <mergeCell ref="C4:E4"/>
    <mergeCell ref="A54:I54"/>
    <mergeCell ref="I49:I50"/>
    <mergeCell ref="I11:I12"/>
    <mergeCell ref="I34:I35"/>
    <mergeCell ref="I47:I48"/>
    <mergeCell ref="I13:I14"/>
    <mergeCell ref="I36:I37"/>
  </mergeCells>
  <phoneticPr fontId="7"/>
  <conditionalFormatting sqref="I6 I39 I16:I18">
    <cfRule type="cellIs" dxfId="89" priority="8" stopIfTrue="1" operator="equal">
      <formula>"X"</formula>
    </cfRule>
  </conditionalFormatting>
  <conditionalFormatting sqref="I19:I21 I23:I28 I41:I45 I7:I8 I31:I32">
    <cfRule type="cellIs" dxfId="88" priority="7" operator="equal">
      <formula>"X"</formula>
    </cfRule>
  </conditionalFormatting>
  <conditionalFormatting sqref="I46">
    <cfRule type="cellIs" dxfId="87" priority="5" operator="equal">
      <formula>"X"</formula>
    </cfRule>
  </conditionalFormatting>
  <conditionalFormatting sqref="I33">
    <cfRule type="cellIs" dxfId="86" priority="4" operator="equal">
      <formula>"X"</formula>
    </cfRule>
  </conditionalFormatting>
  <conditionalFormatting sqref="I10">
    <cfRule type="cellIs" dxfId="85" priority="3" operator="equal">
      <formula>"X"</formula>
    </cfRule>
  </conditionalFormatting>
  <conditionalFormatting sqref="I9">
    <cfRule type="cellIs" dxfId="84" priority="2" operator="equal">
      <formula>"X"</formula>
    </cfRule>
  </conditionalFormatting>
  <conditionalFormatting sqref="I29:I30">
    <cfRule type="cellIs" dxfId="83" priority="1" operator="equal">
      <formula>"X"</formula>
    </cfRule>
  </conditionalFormatting>
  <dataValidations count="2">
    <dataValidation type="list" allowBlank="1" showInputMessage="1" showErrorMessage="1" sqref="I39 I16:I21 I6:I10 I41:I46 I23:I33">
      <formula1>"　,X"</formula1>
    </dataValidation>
    <dataValidation type="list" allowBlank="1" showInputMessage="1" showErrorMessage="1" sqref="I11 I34 I47">
      <formula1>"&lt; AnnexIII                  / AnnexIV &gt;, AnnexIII, AnnexIV"</formula1>
    </dataValidation>
  </dataValidations>
  <printOptions horizontalCentered="1"/>
  <pageMargins left="0.59055118110236227" right="0.59055118110236227" top="0.59055118110236227" bottom="0.59055118110236227" header="0.31496062992125984" footer="0.31496062992125984"/>
  <pageSetup paperSize="9" scale="64" orientation="portrait" r:id="rId1"/>
  <headerFooter>
    <oddFooter>&amp;LRoHS (appendix.)&amp;RV.10.0 (revised on Jun. 2018)</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I109"/>
  <sheetViews>
    <sheetView showGridLines="0" view="pageBreakPreview" zoomScaleNormal="100" zoomScaleSheetLayoutView="100" workbookViewId="0">
      <selection activeCell="H6" sqref="H6"/>
    </sheetView>
  </sheetViews>
  <sheetFormatPr defaultColWidth="0.85546875" defaultRowHeight="15"/>
  <cols>
    <col min="1" max="2" width="1.85546875" style="31" customWidth="1"/>
    <col min="3" max="3" width="4" style="32" bestFit="1" customWidth="1"/>
    <col min="4" max="4" width="1.42578125" style="33" customWidth="1"/>
    <col min="5" max="5" width="13" style="32" customWidth="1"/>
    <col min="6" max="6" width="5.42578125" style="34" bestFit="1" customWidth="1"/>
    <col min="7" max="7" width="106" style="35" customWidth="1"/>
    <col min="8" max="8" width="13.140625" style="33" customWidth="1"/>
    <col min="9" max="16384" width="0.85546875" style="33"/>
  </cols>
  <sheetData>
    <row r="1" spans="1:8">
      <c r="H1" s="99" t="str">
        <f>A.RoHS!G1</f>
        <v xml:space="preserve"> </v>
      </c>
    </row>
    <row r="2" spans="1:8">
      <c r="A2" s="31" t="s">
        <v>162</v>
      </c>
    </row>
    <row r="3" spans="1:8" ht="32.25" customHeight="1">
      <c r="B3" s="300" t="s">
        <v>281</v>
      </c>
      <c r="C3" s="300"/>
      <c r="D3" s="300"/>
      <c r="E3" s="300"/>
      <c r="F3" s="300"/>
      <c r="G3" s="300"/>
      <c r="H3" s="300"/>
    </row>
    <row r="4" spans="1:8" ht="15.75" thickBot="1">
      <c r="C4" s="301" t="s">
        <v>134</v>
      </c>
      <c r="D4" s="302"/>
      <c r="E4" s="303"/>
      <c r="F4" s="36" t="s">
        <v>18</v>
      </c>
      <c r="G4" s="117" t="s">
        <v>150</v>
      </c>
      <c r="H4" s="39" t="s">
        <v>128</v>
      </c>
    </row>
    <row r="5" spans="1:8" ht="22.5" customHeight="1" thickTop="1">
      <c r="C5" s="46">
        <v>1</v>
      </c>
      <c r="D5" s="50" t="s">
        <v>163</v>
      </c>
      <c r="E5" s="51"/>
      <c r="F5" s="52"/>
      <c r="G5" s="53"/>
      <c r="H5" s="64"/>
    </row>
    <row r="6" spans="1:8" ht="24.75" customHeight="1">
      <c r="C6" s="40"/>
      <c r="D6" s="42"/>
      <c r="E6" s="43" t="s">
        <v>16</v>
      </c>
      <c r="F6" s="44">
        <v>1</v>
      </c>
      <c r="G6" s="65" t="s">
        <v>20</v>
      </c>
      <c r="H6" s="116" t="s">
        <v>119</v>
      </c>
    </row>
    <row r="7" spans="1:8" ht="24.75" customHeight="1">
      <c r="C7" s="40"/>
      <c r="D7" s="42"/>
      <c r="E7" s="56"/>
      <c r="F7" s="44">
        <v>2</v>
      </c>
      <c r="G7" s="65" t="s">
        <v>21</v>
      </c>
      <c r="H7" s="116" t="s">
        <v>119</v>
      </c>
    </row>
    <row r="8" spans="1:8" ht="24.75" customHeight="1">
      <c r="C8" s="40"/>
      <c r="D8" s="42"/>
      <c r="E8" s="48" t="s">
        <v>17</v>
      </c>
      <c r="F8" s="44">
        <v>3</v>
      </c>
      <c r="G8" s="65" t="s">
        <v>22</v>
      </c>
      <c r="H8" s="57"/>
    </row>
    <row r="9" spans="1:8" ht="24.75" customHeight="1">
      <c r="C9" s="40"/>
      <c r="D9" s="42"/>
      <c r="E9" s="49"/>
      <c r="F9" s="58"/>
      <c r="G9" s="66" t="s">
        <v>233</v>
      </c>
      <c r="H9" s="109" t="s">
        <v>119</v>
      </c>
    </row>
    <row r="10" spans="1:8" ht="24.75" customHeight="1">
      <c r="C10" s="40"/>
      <c r="D10" s="42"/>
      <c r="E10" s="49"/>
      <c r="F10" s="58"/>
      <c r="G10" s="66" t="s">
        <v>234</v>
      </c>
      <c r="H10" s="109" t="s">
        <v>119</v>
      </c>
    </row>
    <row r="11" spans="1:8" ht="24.75" customHeight="1">
      <c r="C11" s="40"/>
      <c r="D11" s="42"/>
      <c r="E11" s="49"/>
      <c r="F11" s="58"/>
      <c r="G11" s="66" t="s">
        <v>235</v>
      </c>
      <c r="H11" s="109" t="s">
        <v>119</v>
      </c>
    </row>
    <row r="12" spans="1:8" ht="24.75" customHeight="1">
      <c r="C12" s="40"/>
      <c r="D12" s="42"/>
      <c r="E12" s="49"/>
      <c r="F12" s="58"/>
      <c r="G12" s="66" t="s">
        <v>236</v>
      </c>
      <c r="H12" s="109" t="s">
        <v>119</v>
      </c>
    </row>
    <row r="13" spans="1:8" ht="22.5" customHeight="1">
      <c r="C13" s="46">
        <v>2</v>
      </c>
      <c r="D13" s="50" t="s">
        <v>164</v>
      </c>
      <c r="E13" s="51"/>
      <c r="F13" s="52"/>
      <c r="G13" s="53"/>
      <c r="H13" s="64"/>
    </row>
    <row r="14" spans="1:8" ht="56.25" customHeight="1">
      <c r="C14" s="40"/>
      <c r="D14" s="42"/>
      <c r="E14" s="43" t="s">
        <v>16</v>
      </c>
      <c r="F14" s="44">
        <v>1</v>
      </c>
      <c r="G14" s="65" t="s">
        <v>208</v>
      </c>
      <c r="H14" s="109" t="s">
        <v>119</v>
      </c>
    </row>
    <row r="15" spans="1:8" ht="35.25" customHeight="1">
      <c r="C15" s="40"/>
      <c r="D15" s="42"/>
      <c r="E15" s="48" t="s">
        <v>17</v>
      </c>
      <c r="F15" s="44">
        <v>2</v>
      </c>
      <c r="G15" s="65" t="s">
        <v>39</v>
      </c>
      <c r="H15" s="109" t="s">
        <v>119</v>
      </c>
    </row>
    <row r="16" spans="1:8" ht="22.5" customHeight="1">
      <c r="C16" s="46">
        <v>3</v>
      </c>
      <c r="D16" s="50" t="s">
        <v>165</v>
      </c>
      <c r="E16" s="51"/>
      <c r="F16" s="52"/>
      <c r="G16" s="53"/>
      <c r="H16" s="54"/>
    </row>
    <row r="17" spans="3:8" ht="24.75" customHeight="1">
      <c r="C17" s="40"/>
      <c r="D17" s="42"/>
      <c r="E17" s="43" t="s">
        <v>16</v>
      </c>
      <c r="F17" s="44">
        <v>1</v>
      </c>
      <c r="G17" s="65" t="s">
        <v>40</v>
      </c>
      <c r="H17" s="116" t="s">
        <v>119</v>
      </c>
    </row>
    <row r="18" spans="3:8" ht="24.75" customHeight="1">
      <c r="C18" s="40"/>
      <c r="D18" s="42"/>
      <c r="E18" s="48" t="s">
        <v>17</v>
      </c>
      <c r="F18" s="44">
        <v>2</v>
      </c>
      <c r="G18" s="65" t="s">
        <v>23</v>
      </c>
      <c r="H18" s="116" t="s">
        <v>119</v>
      </c>
    </row>
    <row r="19" spans="3:8" ht="22.5" customHeight="1">
      <c r="C19" s="46">
        <v>4</v>
      </c>
      <c r="D19" s="50" t="s">
        <v>166</v>
      </c>
      <c r="E19" s="51"/>
      <c r="F19" s="52"/>
      <c r="G19" s="53"/>
      <c r="H19" s="64"/>
    </row>
    <row r="20" spans="3:8" ht="34.5" customHeight="1">
      <c r="C20" s="40"/>
      <c r="D20" s="42"/>
      <c r="E20" s="43" t="s">
        <v>16</v>
      </c>
      <c r="F20" s="44">
        <v>1</v>
      </c>
      <c r="G20" s="65" t="s">
        <v>209</v>
      </c>
      <c r="H20" s="109" t="s">
        <v>119</v>
      </c>
    </row>
    <row r="21" spans="3:8" ht="24.75" customHeight="1">
      <c r="C21" s="40"/>
      <c r="D21" s="42"/>
      <c r="E21" s="48" t="s">
        <v>17</v>
      </c>
      <c r="F21" s="44">
        <v>2</v>
      </c>
      <c r="G21" s="65" t="s">
        <v>24</v>
      </c>
      <c r="H21" s="116" t="s">
        <v>119</v>
      </c>
    </row>
    <row r="22" spans="3:8" ht="22.5" customHeight="1">
      <c r="C22" s="46">
        <v>5</v>
      </c>
      <c r="D22" s="50" t="s">
        <v>167</v>
      </c>
      <c r="E22" s="51"/>
      <c r="F22" s="52"/>
      <c r="G22" s="53"/>
      <c r="H22" s="64"/>
    </row>
    <row r="23" spans="3:8" ht="24.75" customHeight="1">
      <c r="C23" s="40"/>
      <c r="D23" s="42"/>
      <c r="E23" s="43" t="s">
        <v>16</v>
      </c>
      <c r="F23" s="44">
        <v>1</v>
      </c>
      <c r="G23" s="65" t="s">
        <v>210</v>
      </c>
      <c r="H23" s="116" t="s">
        <v>119</v>
      </c>
    </row>
    <row r="24" spans="3:8" ht="24.75" customHeight="1">
      <c r="C24" s="40"/>
      <c r="D24" s="42"/>
      <c r="E24" s="48" t="s">
        <v>17</v>
      </c>
      <c r="F24" s="44">
        <v>2</v>
      </c>
      <c r="G24" s="65" t="s">
        <v>25</v>
      </c>
      <c r="H24" s="116" t="s">
        <v>119</v>
      </c>
    </row>
    <row r="25" spans="3:8" ht="24.75" customHeight="1">
      <c r="C25" s="40"/>
      <c r="D25" s="42"/>
      <c r="E25" s="49"/>
      <c r="F25" s="44">
        <v>3</v>
      </c>
      <c r="G25" s="65" t="s">
        <v>26</v>
      </c>
      <c r="H25" s="116" t="s">
        <v>119</v>
      </c>
    </row>
    <row r="26" spans="3:8" ht="22.5" customHeight="1">
      <c r="C26" s="46">
        <v>6</v>
      </c>
      <c r="D26" s="50" t="s">
        <v>168</v>
      </c>
      <c r="E26" s="51"/>
      <c r="F26" s="52"/>
      <c r="G26" s="53"/>
      <c r="H26" s="64"/>
    </row>
    <row r="27" spans="3:8" ht="24.75" customHeight="1">
      <c r="C27" s="40"/>
      <c r="D27" s="42"/>
      <c r="E27" s="43" t="s">
        <v>16</v>
      </c>
      <c r="F27" s="44">
        <v>1</v>
      </c>
      <c r="G27" s="65" t="s">
        <v>211</v>
      </c>
      <c r="H27" s="116" t="s">
        <v>119</v>
      </c>
    </row>
    <row r="28" spans="3:8" ht="24.75" customHeight="1">
      <c r="C28" s="40"/>
      <c r="D28" s="42"/>
      <c r="E28" s="48" t="s">
        <v>17</v>
      </c>
      <c r="F28" s="44">
        <v>2</v>
      </c>
      <c r="G28" s="65" t="s">
        <v>41</v>
      </c>
      <c r="H28" s="116" t="s">
        <v>119</v>
      </c>
    </row>
    <row r="29" spans="3:8" ht="24.75" customHeight="1">
      <c r="C29" s="40"/>
      <c r="D29" s="42"/>
      <c r="E29" s="49"/>
      <c r="F29" s="44">
        <v>3</v>
      </c>
      <c r="G29" s="65" t="s">
        <v>42</v>
      </c>
      <c r="H29" s="116" t="s">
        <v>119</v>
      </c>
    </row>
    <row r="30" spans="3:8" ht="24.75" customHeight="1">
      <c r="C30" s="40"/>
      <c r="D30" s="42"/>
      <c r="E30" s="49"/>
      <c r="F30" s="44">
        <v>4</v>
      </c>
      <c r="G30" s="65" t="s">
        <v>43</v>
      </c>
      <c r="H30" s="116" t="s">
        <v>119</v>
      </c>
    </row>
    <row r="31" spans="3:8" ht="22.5" customHeight="1">
      <c r="C31" s="46">
        <v>7</v>
      </c>
      <c r="D31" s="50" t="s">
        <v>169</v>
      </c>
      <c r="E31" s="51"/>
      <c r="F31" s="52"/>
      <c r="G31" s="53"/>
      <c r="H31" s="54"/>
    </row>
    <row r="32" spans="3:8" ht="24.75" customHeight="1">
      <c r="C32" s="40"/>
      <c r="D32" s="42"/>
      <c r="E32" s="43" t="s">
        <v>16</v>
      </c>
      <c r="F32" s="44">
        <v>1</v>
      </c>
      <c r="G32" s="65" t="s">
        <v>27</v>
      </c>
      <c r="H32" s="116" t="s">
        <v>119</v>
      </c>
    </row>
    <row r="33" spans="1:8" ht="24.75" customHeight="1">
      <c r="C33" s="40"/>
      <c r="D33" s="42"/>
      <c r="E33" s="48" t="s">
        <v>17</v>
      </c>
      <c r="F33" s="44">
        <v>2</v>
      </c>
      <c r="G33" s="65" t="s">
        <v>28</v>
      </c>
      <c r="H33" s="116" t="s">
        <v>119</v>
      </c>
    </row>
    <row r="34" spans="1:8" ht="22.5" customHeight="1">
      <c r="C34" s="46">
        <v>8</v>
      </c>
      <c r="D34" s="50" t="s">
        <v>170</v>
      </c>
      <c r="E34" s="51"/>
      <c r="F34" s="52"/>
      <c r="G34" s="53"/>
      <c r="H34" s="64"/>
    </row>
    <row r="35" spans="1:8" ht="24.75" customHeight="1">
      <c r="C35" s="40"/>
      <c r="D35" s="42"/>
      <c r="E35" s="43" t="s">
        <v>16</v>
      </c>
      <c r="F35" s="44">
        <v>1</v>
      </c>
      <c r="G35" s="65" t="s">
        <v>29</v>
      </c>
      <c r="H35" s="116" t="s">
        <v>119</v>
      </c>
    </row>
    <row r="36" spans="1:8" ht="51.75" customHeight="1">
      <c r="C36" s="40"/>
      <c r="D36" s="42"/>
      <c r="E36" s="56"/>
      <c r="F36" s="44">
        <v>2</v>
      </c>
      <c r="G36" s="65" t="s">
        <v>213</v>
      </c>
      <c r="H36" s="109" t="s">
        <v>119</v>
      </c>
    </row>
    <row r="37" spans="1:8" ht="24.75" customHeight="1">
      <c r="C37" s="40"/>
      <c r="D37" s="42"/>
      <c r="E37" s="48" t="s">
        <v>17</v>
      </c>
      <c r="F37" s="44">
        <v>3</v>
      </c>
      <c r="G37" s="65" t="s">
        <v>212</v>
      </c>
      <c r="H37" s="116" t="s">
        <v>119</v>
      </c>
    </row>
    <row r="38" spans="1:8" ht="22.5" customHeight="1">
      <c r="C38" s="46">
        <v>9</v>
      </c>
      <c r="D38" s="50" t="s">
        <v>171</v>
      </c>
      <c r="E38" s="51"/>
      <c r="F38" s="52"/>
      <c r="G38" s="53"/>
      <c r="H38" s="54"/>
    </row>
    <row r="39" spans="1:8" ht="24.75" customHeight="1">
      <c r="C39" s="40"/>
      <c r="D39" s="42"/>
      <c r="E39" s="48" t="s">
        <v>17</v>
      </c>
      <c r="F39" s="44">
        <v>1</v>
      </c>
      <c r="G39" s="65" t="s">
        <v>44</v>
      </c>
      <c r="H39" s="116" t="s">
        <v>119</v>
      </c>
    </row>
    <row r="40" spans="1:8" ht="24.75" customHeight="1">
      <c r="C40" s="40"/>
      <c r="D40" s="42"/>
      <c r="E40" s="49"/>
      <c r="F40" s="44">
        <v>2</v>
      </c>
      <c r="G40" s="65" t="s">
        <v>30</v>
      </c>
      <c r="H40" s="116" t="s">
        <v>119</v>
      </c>
    </row>
    <row r="41" spans="1:8" s="161" customFormat="1" ht="22.5" customHeight="1">
      <c r="A41" s="178"/>
      <c r="B41" s="178"/>
      <c r="C41" s="179">
        <v>10</v>
      </c>
      <c r="D41" s="180" t="s">
        <v>354</v>
      </c>
      <c r="E41" s="181"/>
      <c r="F41" s="182"/>
      <c r="G41" s="183"/>
      <c r="H41" s="64"/>
    </row>
    <row r="42" spans="1:8" ht="24.75" customHeight="1">
      <c r="C42" s="40"/>
      <c r="D42" s="42"/>
      <c r="E42" s="43" t="s">
        <v>16</v>
      </c>
      <c r="F42" s="44">
        <v>1</v>
      </c>
      <c r="G42" s="65" t="s">
        <v>31</v>
      </c>
      <c r="H42" s="116" t="s">
        <v>119</v>
      </c>
    </row>
    <row r="43" spans="1:8" ht="24.75" customHeight="1">
      <c r="C43" s="47"/>
      <c r="D43" s="55"/>
      <c r="E43" s="135" t="s">
        <v>17</v>
      </c>
      <c r="F43" s="136">
        <v>2</v>
      </c>
      <c r="G43" s="137" t="s">
        <v>23</v>
      </c>
      <c r="H43" s="116" t="s">
        <v>119</v>
      </c>
    </row>
    <row r="44" spans="1:8">
      <c r="H44" s="3" t="s">
        <v>231</v>
      </c>
    </row>
    <row r="45" spans="1:8">
      <c r="H45" s="3"/>
    </row>
    <row r="46" spans="1:8">
      <c r="H46" s="3"/>
    </row>
    <row r="47" spans="1:8">
      <c r="H47" s="3"/>
    </row>
    <row r="48" spans="1:8">
      <c r="H48" s="3"/>
    </row>
    <row r="49" spans="1:9">
      <c r="A49" s="282" t="s">
        <v>116</v>
      </c>
      <c r="B49" s="282"/>
      <c r="C49" s="282"/>
      <c r="D49" s="282"/>
      <c r="E49" s="282"/>
      <c r="F49" s="282"/>
      <c r="G49" s="282"/>
      <c r="H49" s="282"/>
      <c r="I49" s="282"/>
    </row>
    <row r="50" spans="1:9" ht="18.600000000000001" customHeight="1">
      <c r="B50" s="1" t="s">
        <v>232</v>
      </c>
      <c r="H50" s="67"/>
    </row>
    <row r="51" spans="1:9" ht="18.600000000000001" customHeight="1" thickBot="1">
      <c r="C51" s="301" t="s">
        <v>134</v>
      </c>
      <c r="D51" s="302"/>
      <c r="E51" s="303"/>
      <c r="F51" s="36" t="s">
        <v>18</v>
      </c>
      <c r="G51" s="117" t="s">
        <v>150</v>
      </c>
      <c r="H51" s="39" t="s">
        <v>128</v>
      </c>
    </row>
    <row r="52" spans="1:9" ht="18.600000000000001" customHeight="1" thickTop="1">
      <c r="C52" s="46">
        <v>11</v>
      </c>
      <c r="D52" s="50" t="s">
        <v>172</v>
      </c>
      <c r="E52" s="51"/>
      <c r="F52" s="52"/>
      <c r="G52" s="53"/>
      <c r="H52" s="64"/>
    </row>
    <row r="53" spans="1:9" ht="18.600000000000001" customHeight="1">
      <c r="C53" s="40"/>
      <c r="D53" s="42"/>
      <c r="E53" s="43" t="s">
        <v>16</v>
      </c>
      <c r="F53" s="44">
        <v>1</v>
      </c>
      <c r="G53" s="65" t="s">
        <v>179</v>
      </c>
      <c r="H53" s="109" t="s">
        <v>119</v>
      </c>
    </row>
    <row r="54" spans="1:9" ht="18.600000000000001" customHeight="1">
      <c r="C54" s="40"/>
      <c r="D54" s="42"/>
      <c r="E54" s="56"/>
      <c r="F54" s="44">
        <v>2</v>
      </c>
      <c r="G54" s="65" t="s">
        <v>180</v>
      </c>
      <c r="H54" s="109" t="s">
        <v>119</v>
      </c>
    </row>
    <row r="55" spans="1:9" ht="18.600000000000001" customHeight="1">
      <c r="C55" s="40"/>
      <c r="D55" s="42"/>
      <c r="E55" s="48" t="s">
        <v>17</v>
      </c>
      <c r="F55" s="44">
        <v>3</v>
      </c>
      <c r="G55" s="65" t="s">
        <v>45</v>
      </c>
      <c r="H55" s="116" t="s">
        <v>119</v>
      </c>
    </row>
    <row r="56" spans="1:9" ht="18.600000000000001" customHeight="1">
      <c r="C56" s="40"/>
      <c r="D56" s="42"/>
      <c r="E56" s="49"/>
      <c r="F56" s="44">
        <v>4</v>
      </c>
      <c r="G56" s="65" t="s">
        <v>181</v>
      </c>
      <c r="H56" s="57"/>
    </row>
    <row r="57" spans="1:9" ht="18.600000000000001" customHeight="1">
      <c r="C57" s="40"/>
      <c r="D57" s="42"/>
      <c r="E57" s="49"/>
      <c r="F57" s="58"/>
      <c r="G57" s="66" t="s">
        <v>237</v>
      </c>
      <c r="H57" s="109" t="s">
        <v>119</v>
      </c>
    </row>
    <row r="58" spans="1:9" ht="18.600000000000001" customHeight="1">
      <c r="C58" s="40"/>
      <c r="D58" s="42"/>
      <c r="E58" s="49"/>
      <c r="F58" s="58"/>
      <c r="G58" s="66" t="s">
        <v>238</v>
      </c>
      <c r="H58" s="109" t="s">
        <v>119</v>
      </c>
    </row>
    <row r="59" spans="1:9" ht="18.600000000000001" customHeight="1">
      <c r="C59" s="40"/>
      <c r="D59" s="42"/>
      <c r="E59" s="49"/>
      <c r="F59" s="58"/>
      <c r="G59" s="66" t="s">
        <v>239</v>
      </c>
      <c r="H59" s="109" t="s">
        <v>119</v>
      </c>
    </row>
    <row r="60" spans="1:9" ht="18.600000000000001" customHeight="1">
      <c r="C60" s="40"/>
      <c r="D60" s="42"/>
      <c r="E60" s="49"/>
      <c r="F60" s="58"/>
      <c r="G60" s="66" t="s">
        <v>246</v>
      </c>
      <c r="H60" s="109" t="s">
        <v>119</v>
      </c>
    </row>
    <row r="61" spans="1:9" ht="18.600000000000001" customHeight="1">
      <c r="C61" s="40"/>
      <c r="D61" s="42"/>
      <c r="E61" s="49"/>
      <c r="F61" s="58"/>
      <c r="G61" s="66" t="s">
        <v>240</v>
      </c>
      <c r="H61" s="109" t="s">
        <v>119</v>
      </c>
    </row>
    <row r="62" spans="1:9" ht="18.600000000000001" customHeight="1">
      <c r="C62" s="46">
        <v>12</v>
      </c>
      <c r="D62" s="50" t="s">
        <v>173</v>
      </c>
      <c r="E62" s="51"/>
      <c r="F62" s="52"/>
      <c r="G62" s="53"/>
      <c r="H62" s="64"/>
    </row>
    <row r="63" spans="1:9" ht="18.600000000000001" customHeight="1">
      <c r="C63" s="40"/>
      <c r="D63" s="42"/>
      <c r="E63" s="43" t="s">
        <v>16</v>
      </c>
      <c r="F63" s="44">
        <v>1</v>
      </c>
      <c r="G63" s="65" t="s">
        <v>27</v>
      </c>
      <c r="H63" s="116" t="s">
        <v>119</v>
      </c>
    </row>
    <row r="64" spans="1:9" ht="18.600000000000001" customHeight="1">
      <c r="C64" s="40"/>
      <c r="D64" s="42"/>
      <c r="E64" s="48" t="s">
        <v>17</v>
      </c>
      <c r="F64" s="44">
        <v>2</v>
      </c>
      <c r="G64" s="65" t="s">
        <v>182</v>
      </c>
      <c r="H64" s="68"/>
    </row>
    <row r="65" spans="3:8" ht="18.600000000000001" customHeight="1">
      <c r="C65" s="40"/>
      <c r="D65" s="42"/>
      <c r="E65" s="49"/>
      <c r="F65" s="58"/>
      <c r="G65" s="66" t="s">
        <v>241</v>
      </c>
      <c r="H65" s="109" t="s">
        <v>119</v>
      </c>
    </row>
    <row r="66" spans="3:8" ht="18.600000000000001" customHeight="1">
      <c r="C66" s="40"/>
      <c r="D66" s="42"/>
      <c r="E66" s="49"/>
      <c r="F66" s="58"/>
      <c r="G66" s="66" t="s">
        <v>242</v>
      </c>
      <c r="H66" s="109" t="s">
        <v>119</v>
      </c>
    </row>
    <row r="67" spans="3:8" ht="18.600000000000001" customHeight="1">
      <c r="C67" s="40"/>
      <c r="D67" s="42"/>
      <c r="E67" s="49"/>
      <c r="F67" s="58"/>
      <c r="G67" s="66" t="s">
        <v>243</v>
      </c>
      <c r="H67" s="109" t="s">
        <v>119</v>
      </c>
    </row>
    <row r="68" spans="3:8" ht="18.600000000000001" customHeight="1">
      <c r="C68" s="46">
        <v>13</v>
      </c>
      <c r="D68" s="50" t="s">
        <v>84</v>
      </c>
      <c r="E68" s="51"/>
      <c r="F68" s="52"/>
      <c r="G68" s="53"/>
      <c r="H68" s="64"/>
    </row>
    <row r="69" spans="3:8" ht="18.600000000000001" customHeight="1">
      <c r="C69" s="40"/>
      <c r="D69" s="42"/>
      <c r="E69" s="43" t="s">
        <v>16</v>
      </c>
      <c r="F69" s="44">
        <v>1</v>
      </c>
      <c r="G69" s="65" t="s">
        <v>27</v>
      </c>
      <c r="H69" s="116" t="s">
        <v>119</v>
      </c>
    </row>
    <row r="70" spans="3:8" ht="18.600000000000001" customHeight="1">
      <c r="C70" s="40"/>
      <c r="D70" s="42"/>
      <c r="E70" s="48" t="s">
        <v>17</v>
      </c>
      <c r="F70" s="44">
        <v>2</v>
      </c>
      <c r="G70" s="65" t="s">
        <v>182</v>
      </c>
      <c r="H70" s="68"/>
    </row>
    <row r="71" spans="3:8" ht="18.600000000000001" customHeight="1">
      <c r="C71" s="40"/>
      <c r="D71" s="42"/>
      <c r="E71" s="49"/>
      <c r="F71" s="58"/>
      <c r="G71" s="66" t="s">
        <v>244</v>
      </c>
      <c r="H71" s="109" t="s">
        <v>119</v>
      </c>
    </row>
    <row r="72" spans="3:8" ht="18.600000000000001" customHeight="1">
      <c r="C72" s="40"/>
      <c r="D72" s="42"/>
      <c r="E72" s="49"/>
      <c r="F72" s="58"/>
      <c r="G72" s="66" t="s">
        <v>242</v>
      </c>
      <c r="H72" s="109" t="s">
        <v>119</v>
      </c>
    </row>
    <row r="73" spans="3:8" ht="18.600000000000001" customHeight="1">
      <c r="C73" s="40"/>
      <c r="D73" s="42"/>
      <c r="E73" s="49"/>
      <c r="F73" s="58"/>
      <c r="G73" s="66" t="s">
        <v>243</v>
      </c>
      <c r="H73" s="109" t="s">
        <v>119</v>
      </c>
    </row>
    <row r="74" spans="3:8" ht="18.600000000000001" customHeight="1">
      <c r="C74" s="40"/>
      <c r="D74" s="42"/>
      <c r="E74" s="49"/>
      <c r="F74" s="58"/>
      <c r="G74" s="66" t="s">
        <v>245</v>
      </c>
      <c r="H74" s="109" t="s">
        <v>119</v>
      </c>
    </row>
    <row r="75" spans="3:8" ht="18.600000000000001" customHeight="1">
      <c r="C75" s="46">
        <v>14</v>
      </c>
      <c r="D75" s="50" t="s">
        <v>175</v>
      </c>
      <c r="E75" s="51"/>
      <c r="F75" s="52"/>
      <c r="G75" s="53"/>
      <c r="H75" s="64"/>
    </row>
    <row r="76" spans="3:8" ht="18.600000000000001" customHeight="1">
      <c r="C76" s="40"/>
      <c r="D76" s="42"/>
      <c r="E76" s="43" t="s">
        <v>16</v>
      </c>
      <c r="F76" s="44">
        <v>1</v>
      </c>
      <c r="G76" s="65" t="s">
        <v>214</v>
      </c>
      <c r="H76" s="116" t="s">
        <v>119</v>
      </c>
    </row>
    <row r="77" spans="3:8" ht="18.600000000000001" customHeight="1">
      <c r="C77" s="40"/>
      <c r="D77" s="42"/>
      <c r="E77" s="48" t="s">
        <v>17</v>
      </c>
      <c r="F77" s="44">
        <v>2</v>
      </c>
      <c r="G77" s="65" t="s">
        <v>23</v>
      </c>
      <c r="H77" s="116" t="s">
        <v>119</v>
      </c>
    </row>
    <row r="78" spans="3:8" ht="18.600000000000001" customHeight="1">
      <c r="C78" s="46">
        <v>15</v>
      </c>
      <c r="D78" s="50" t="s">
        <v>176</v>
      </c>
      <c r="E78" s="51"/>
      <c r="F78" s="52"/>
      <c r="G78" s="53"/>
      <c r="H78" s="64"/>
    </row>
    <row r="79" spans="3:8" ht="18.600000000000001" customHeight="1">
      <c r="C79" s="40"/>
      <c r="D79" s="42"/>
      <c r="E79" s="43" t="s">
        <v>16</v>
      </c>
      <c r="F79" s="44">
        <v>1</v>
      </c>
      <c r="G79" s="65" t="s">
        <v>211</v>
      </c>
      <c r="H79" s="116" t="s">
        <v>119</v>
      </c>
    </row>
    <row r="80" spans="3:8" ht="18.600000000000001" customHeight="1">
      <c r="C80" s="40"/>
      <c r="D80" s="42"/>
      <c r="E80" s="48" t="s">
        <v>17</v>
      </c>
      <c r="F80" s="44">
        <v>2</v>
      </c>
      <c r="G80" s="65" t="s">
        <v>41</v>
      </c>
      <c r="H80" s="116" t="s">
        <v>119</v>
      </c>
    </row>
    <row r="81" spans="1:8" ht="18.600000000000001" customHeight="1">
      <c r="C81" s="40"/>
      <c r="D81" s="42"/>
      <c r="E81" s="49"/>
      <c r="F81" s="44">
        <v>3</v>
      </c>
      <c r="G81" s="65" t="s">
        <v>42</v>
      </c>
      <c r="H81" s="116" t="s">
        <v>119</v>
      </c>
    </row>
    <row r="82" spans="1:8" ht="18.600000000000001" customHeight="1">
      <c r="C82" s="40"/>
      <c r="D82" s="42"/>
      <c r="E82" s="49"/>
      <c r="F82" s="44">
        <v>4</v>
      </c>
      <c r="G82" s="65" t="s">
        <v>43</v>
      </c>
      <c r="H82" s="116" t="s">
        <v>119</v>
      </c>
    </row>
    <row r="83" spans="1:8" ht="18.600000000000001" customHeight="1">
      <c r="C83" s="46">
        <v>16</v>
      </c>
      <c r="D83" s="50" t="s">
        <v>177</v>
      </c>
      <c r="E83" s="51"/>
      <c r="F83" s="52"/>
      <c r="G83" s="53"/>
      <c r="H83" s="64"/>
    </row>
    <row r="84" spans="1:8" ht="18.600000000000001" customHeight="1">
      <c r="C84" s="40"/>
      <c r="D84" s="42"/>
      <c r="E84" s="43" t="s">
        <v>16</v>
      </c>
      <c r="F84" s="44">
        <v>1</v>
      </c>
      <c r="G84" s="65" t="s">
        <v>27</v>
      </c>
      <c r="H84" s="116" t="s">
        <v>119</v>
      </c>
    </row>
    <row r="85" spans="1:8" ht="18.600000000000001" customHeight="1">
      <c r="C85" s="40"/>
      <c r="D85" s="42"/>
      <c r="E85" s="48" t="s">
        <v>17</v>
      </c>
      <c r="F85" s="44">
        <v>2</v>
      </c>
      <c r="G85" s="65" t="s">
        <v>46</v>
      </c>
      <c r="H85" s="307" t="s">
        <v>119</v>
      </c>
    </row>
    <row r="86" spans="1:8" ht="18.600000000000001" customHeight="1">
      <c r="C86" s="40"/>
      <c r="D86" s="42"/>
      <c r="E86" s="49"/>
      <c r="F86" s="58"/>
      <c r="G86" s="184" t="s">
        <v>355</v>
      </c>
      <c r="H86" s="308"/>
    </row>
    <row r="87" spans="1:8" ht="22.5" customHeight="1">
      <c r="C87" s="40"/>
      <c r="D87" s="42"/>
      <c r="E87" s="49"/>
      <c r="F87" s="108"/>
      <c r="G87" s="185" t="s">
        <v>247</v>
      </c>
      <c r="H87" s="309"/>
    </row>
    <row r="88" spans="1:8" s="161" customFormat="1" ht="18.600000000000001" customHeight="1">
      <c r="A88" s="178"/>
      <c r="B88" s="178"/>
      <c r="C88" s="179">
        <v>17</v>
      </c>
      <c r="D88" s="180" t="s">
        <v>356</v>
      </c>
      <c r="E88" s="181"/>
      <c r="F88" s="182"/>
      <c r="G88" s="183"/>
      <c r="H88" s="64"/>
    </row>
    <row r="89" spans="1:8" ht="18.600000000000001" customHeight="1">
      <c r="C89" s="40"/>
      <c r="D89" s="42"/>
      <c r="E89" s="43" t="s">
        <v>16</v>
      </c>
      <c r="F89" s="44">
        <v>1</v>
      </c>
      <c r="G89" s="186" t="s">
        <v>47</v>
      </c>
      <c r="H89" s="116" t="s">
        <v>119</v>
      </c>
    </row>
    <row r="90" spans="1:8" ht="18.600000000000001" customHeight="1">
      <c r="C90" s="40"/>
      <c r="D90" s="42"/>
      <c r="E90" s="48" t="s">
        <v>17</v>
      </c>
      <c r="F90" s="44">
        <v>2</v>
      </c>
      <c r="G90" s="186" t="s">
        <v>23</v>
      </c>
      <c r="H90" s="116" t="s">
        <v>119</v>
      </c>
    </row>
    <row r="91" spans="1:8" s="161" customFormat="1" ht="18.600000000000001" customHeight="1">
      <c r="A91" s="178"/>
      <c r="B91" s="178"/>
      <c r="C91" s="179">
        <v>18</v>
      </c>
      <c r="D91" s="180" t="s">
        <v>357</v>
      </c>
      <c r="E91" s="181"/>
      <c r="F91" s="182"/>
      <c r="G91" s="183"/>
      <c r="H91" s="64"/>
    </row>
    <row r="92" spans="1:8" ht="18.600000000000001" customHeight="1">
      <c r="C92" s="40"/>
      <c r="D92" s="42"/>
      <c r="E92" s="43" t="s">
        <v>16</v>
      </c>
      <c r="F92" s="44">
        <v>1</v>
      </c>
      <c r="G92" s="186" t="s">
        <v>47</v>
      </c>
      <c r="H92" s="116" t="s">
        <v>119</v>
      </c>
    </row>
    <row r="93" spans="1:8" ht="18.600000000000001" customHeight="1">
      <c r="C93" s="40"/>
      <c r="D93" s="42"/>
      <c r="E93" s="48" t="s">
        <v>17</v>
      </c>
      <c r="F93" s="44">
        <v>2</v>
      </c>
      <c r="G93" s="186" t="s">
        <v>23</v>
      </c>
      <c r="H93" s="116" t="s">
        <v>119</v>
      </c>
    </row>
    <row r="94" spans="1:8" s="161" customFormat="1" ht="18.600000000000001" customHeight="1">
      <c r="A94" s="178"/>
      <c r="B94" s="178"/>
      <c r="C94" s="179">
        <v>19</v>
      </c>
      <c r="D94" s="180" t="s">
        <v>358</v>
      </c>
      <c r="E94" s="181"/>
      <c r="F94" s="182"/>
      <c r="G94" s="183"/>
      <c r="H94" s="64"/>
    </row>
    <row r="95" spans="1:8" ht="18.600000000000001" customHeight="1">
      <c r="C95" s="40"/>
      <c r="D95" s="42"/>
      <c r="E95" s="43" t="s">
        <v>16</v>
      </c>
      <c r="F95" s="44">
        <v>1</v>
      </c>
      <c r="G95" s="65" t="s">
        <v>47</v>
      </c>
      <c r="H95" s="116" t="s">
        <v>119</v>
      </c>
    </row>
    <row r="96" spans="1:8" ht="18.600000000000001" customHeight="1">
      <c r="C96" s="40"/>
      <c r="D96" s="42"/>
      <c r="E96" s="48" t="s">
        <v>17</v>
      </c>
      <c r="F96" s="44">
        <v>2</v>
      </c>
      <c r="G96" s="65" t="s">
        <v>23</v>
      </c>
      <c r="H96" s="116" t="s">
        <v>119</v>
      </c>
    </row>
    <row r="97" spans="1:9" ht="18.600000000000001" customHeight="1">
      <c r="C97" s="46">
        <v>20</v>
      </c>
      <c r="D97" s="50" t="s">
        <v>111</v>
      </c>
      <c r="E97" s="51"/>
      <c r="F97" s="52"/>
      <c r="G97" s="53"/>
      <c r="H97" s="64"/>
    </row>
    <row r="98" spans="1:9" ht="36.75" customHeight="1">
      <c r="C98" s="40"/>
      <c r="D98" s="42"/>
      <c r="E98" s="43" t="s">
        <v>16</v>
      </c>
      <c r="F98" s="44">
        <v>1</v>
      </c>
      <c r="G98" s="65" t="s">
        <v>98</v>
      </c>
      <c r="H98" s="109" t="s">
        <v>119</v>
      </c>
    </row>
    <row r="99" spans="1:9" ht="18.600000000000001" customHeight="1">
      <c r="C99" s="40"/>
      <c r="D99" s="42"/>
      <c r="E99" s="48" t="s">
        <v>17</v>
      </c>
      <c r="F99" s="44">
        <v>2</v>
      </c>
      <c r="G99" s="65" t="s">
        <v>23</v>
      </c>
      <c r="H99" s="116" t="s">
        <v>119</v>
      </c>
    </row>
    <row r="100" spans="1:9" s="161" customFormat="1" ht="18.600000000000001" customHeight="1">
      <c r="A100" s="178"/>
      <c r="B100" s="178"/>
      <c r="C100" s="179">
        <v>21</v>
      </c>
      <c r="D100" s="180" t="s">
        <v>288</v>
      </c>
      <c r="E100" s="181"/>
      <c r="F100" s="182"/>
      <c r="G100" s="183"/>
      <c r="H100" s="64"/>
    </row>
    <row r="101" spans="1:9" ht="18.600000000000001" customHeight="1">
      <c r="C101" s="40"/>
      <c r="D101" s="42"/>
      <c r="E101" s="43" t="s">
        <v>16</v>
      </c>
      <c r="F101" s="187">
        <v>1</v>
      </c>
      <c r="G101" s="186" t="s">
        <v>290</v>
      </c>
      <c r="H101" s="116" t="s">
        <v>119</v>
      </c>
    </row>
    <row r="102" spans="1:9" ht="18.600000000000001" customHeight="1">
      <c r="C102" s="40"/>
      <c r="D102" s="42"/>
      <c r="E102" s="48" t="s">
        <v>17</v>
      </c>
      <c r="F102" s="187">
        <v>2</v>
      </c>
      <c r="G102" s="186" t="s">
        <v>23</v>
      </c>
      <c r="H102" s="116" t="s">
        <v>119</v>
      </c>
    </row>
    <row r="103" spans="1:9" ht="42.75">
      <c r="C103" s="40"/>
      <c r="D103" s="42"/>
      <c r="E103" s="49"/>
      <c r="F103" s="187">
        <v>3</v>
      </c>
      <c r="G103" s="186" t="s">
        <v>291</v>
      </c>
      <c r="H103" s="310" t="s">
        <v>119</v>
      </c>
    </row>
    <row r="104" spans="1:9" ht="18.600000000000001" customHeight="1">
      <c r="C104" s="40"/>
      <c r="D104" s="42"/>
      <c r="E104" s="49"/>
      <c r="F104" s="188"/>
      <c r="G104" s="184" t="s">
        <v>289</v>
      </c>
      <c r="H104" s="311"/>
    </row>
    <row r="105" spans="1:9" ht="22.5" customHeight="1">
      <c r="C105" s="47"/>
      <c r="D105" s="55"/>
      <c r="E105" s="60"/>
      <c r="F105" s="189"/>
      <c r="G105" s="190" t="s">
        <v>247</v>
      </c>
      <c r="H105" s="311"/>
    </row>
    <row r="107" spans="1:9">
      <c r="A107" s="282" t="s">
        <v>117</v>
      </c>
      <c r="B107" s="282"/>
      <c r="C107" s="282"/>
      <c r="D107" s="282"/>
      <c r="E107" s="282"/>
      <c r="F107" s="282"/>
      <c r="G107" s="282"/>
      <c r="H107" s="282"/>
      <c r="I107" s="282"/>
    </row>
    <row r="109" spans="1:9">
      <c r="G109" s="118"/>
    </row>
  </sheetData>
  <sheetProtection password="E0C6" sheet="1" scenarios="1" selectLockedCells="1"/>
  <mergeCells count="7">
    <mergeCell ref="A107:I107"/>
    <mergeCell ref="H85:H87"/>
    <mergeCell ref="A49:I49"/>
    <mergeCell ref="B3:H3"/>
    <mergeCell ref="C4:E4"/>
    <mergeCell ref="C51:E51"/>
    <mergeCell ref="H103:H105"/>
  </mergeCells>
  <phoneticPr fontId="7"/>
  <conditionalFormatting sqref="H95 H17 H23 H27 H32 H42 H63 H69 H76 H84 H98 H89 H92 H20 H14 H6:H7 H35:H36 H53:H54">
    <cfRule type="cellIs" dxfId="82" priority="89" stopIfTrue="1" operator="equal">
      <formula>"X"</formula>
    </cfRule>
  </conditionalFormatting>
  <conditionalFormatting sqref="H79">
    <cfRule type="cellIs" dxfId="81" priority="87" stopIfTrue="1" operator="equal">
      <formula>"X"</formula>
    </cfRule>
  </conditionalFormatting>
  <conditionalFormatting sqref="H39">
    <cfRule type="cellIs" dxfId="80" priority="84" operator="equal">
      <formula>"X"</formula>
    </cfRule>
  </conditionalFormatting>
  <conditionalFormatting sqref="H15">
    <cfRule type="cellIs" dxfId="79" priority="83" stopIfTrue="1" operator="equal">
      <formula>"X"</formula>
    </cfRule>
  </conditionalFormatting>
  <conditionalFormatting sqref="H15">
    <cfRule type="cellIs" dxfId="78" priority="82" operator="equal">
      <formula>"X"</formula>
    </cfRule>
  </conditionalFormatting>
  <conditionalFormatting sqref="H9">
    <cfRule type="cellIs" dxfId="77" priority="79" stopIfTrue="1" operator="equal">
      <formula>"X"</formula>
    </cfRule>
  </conditionalFormatting>
  <conditionalFormatting sqref="H9">
    <cfRule type="cellIs" dxfId="76" priority="78" operator="equal">
      <formula>"X"</formula>
    </cfRule>
  </conditionalFormatting>
  <conditionalFormatting sqref="H10">
    <cfRule type="cellIs" dxfId="75" priority="77" stopIfTrue="1" operator="equal">
      <formula>"X"</formula>
    </cfRule>
  </conditionalFormatting>
  <conditionalFormatting sqref="H10">
    <cfRule type="cellIs" dxfId="74" priority="76" operator="equal">
      <formula>"X"</formula>
    </cfRule>
  </conditionalFormatting>
  <conditionalFormatting sqref="H11">
    <cfRule type="cellIs" dxfId="73" priority="75" stopIfTrue="1" operator="equal">
      <formula>"X"</formula>
    </cfRule>
  </conditionalFormatting>
  <conditionalFormatting sqref="H11">
    <cfRule type="cellIs" dxfId="72" priority="74" operator="equal">
      <formula>"X"</formula>
    </cfRule>
  </conditionalFormatting>
  <conditionalFormatting sqref="H12">
    <cfRule type="cellIs" dxfId="71" priority="73" stopIfTrue="1" operator="equal">
      <formula>"X"</formula>
    </cfRule>
  </conditionalFormatting>
  <conditionalFormatting sqref="H12">
    <cfRule type="cellIs" dxfId="70" priority="72" operator="equal">
      <formula>"X"</formula>
    </cfRule>
  </conditionalFormatting>
  <conditionalFormatting sqref="H18">
    <cfRule type="cellIs" dxfId="69" priority="71" stopIfTrue="1" operator="equal">
      <formula>"X"</formula>
    </cfRule>
  </conditionalFormatting>
  <conditionalFormatting sqref="H18">
    <cfRule type="cellIs" dxfId="68" priority="70" operator="equal">
      <formula>"X"</formula>
    </cfRule>
  </conditionalFormatting>
  <conditionalFormatting sqref="H21">
    <cfRule type="cellIs" dxfId="67" priority="69" stopIfTrue="1" operator="equal">
      <formula>"X"</formula>
    </cfRule>
  </conditionalFormatting>
  <conditionalFormatting sqref="H21">
    <cfRule type="cellIs" dxfId="66" priority="68" operator="equal">
      <formula>"X"</formula>
    </cfRule>
  </conditionalFormatting>
  <conditionalFormatting sqref="H24">
    <cfRule type="cellIs" dxfId="65" priority="67" stopIfTrue="1" operator="equal">
      <formula>"X"</formula>
    </cfRule>
  </conditionalFormatting>
  <conditionalFormatting sqref="H24">
    <cfRule type="cellIs" dxfId="64" priority="66" operator="equal">
      <formula>"X"</formula>
    </cfRule>
  </conditionalFormatting>
  <conditionalFormatting sqref="H25">
    <cfRule type="cellIs" dxfId="63" priority="65" stopIfTrue="1" operator="equal">
      <formula>"X"</formula>
    </cfRule>
  </conditionalFormatting>
  <conditionalFormatting sqref="H25">
    <cfRule type="cellIs" dxfId="62" priority="64" operator="equal">
      <formula>"X"</formula>
    </cfRule>
  </conditionalFormatting>
  <conditionalFormatting sqref="H28">
    <cfRule type="cellIs" dxfId="61" priority="63" stopIfTrue="1" operator="equal">
      <formula>"X"</formula>
    </cfRule>
  </conditionalFormatting>
  <conditionalFormatting sqref="H28">
    <cfRule type="cellIs" dxfId="60" priority="62" operator="equal">
      <formula>"X"</formula>
    </cfRule>
  </conditionalFormatting>
  <conditionalFormatting sqref="H29">
    <cfRule type="cellIs" dxfId="59" priority="61" stopIfTrue="1" operator="equal">
      <formula>"X"</formula>
    </cfRule>
  </conditionalFormatting>
  <conditionalFormatting sqref="H29">
    <cfRule type="cellIs" dxfId="58" priority="60" operator="equal">
      <formula>"X"</formula>
    </cfRule>
  </conditionalFormatting>
  <conditionalFormatting sqref="H30">
    <cfRule type="cellIs" dxfId="57" priority="59" stopIfTrue="1" operator="equal">
      <formula>"X"</formula>
    </cfRule>
  </conditionalFormatting>
  <conditionalFormatting sqref="H30">
    <cfRule type="cellIs" dxfId="56" priority="58" operator="equal">
      <formula>"X"</formula>
    </cfRule>
  </conditionalFormatting>
  <conditionalFormatting sqref="H33">
    <cfRule type="cellIs" dxfId="55" priority="57" stopIfTrue="1" operator="equal">
      <formula>"X"</formula>
    </cfRule>
  </conditionalFormatting>
  <conditionalFormatting sqref="H33">
    <cfRule type="cellIs" dxfId="54" priority="56" operator="equal">
      <formula>"X"</formula>
    </cfRule>
  </conditionalFormatting>
  <conditionalFormatting sqref="H37">
    <cfRule type="cellIs" dxfId="53" priority="55" stopIfTrue="1" operator="equal">
      <formula>"X"</formula>
    </cfRule>
  </conditionalFormatting>
  <conditionalFormatting sqref="H37">
    <cfRule type="cellIs" dxfId="52" priority="54" operator="equal">
      <formula>"X"</formula>
    </cfRule>
  </conditionalFormatting>
  <conditionalFormatting sqref="H40">
    <cfRule type="cellIs" dxfId="51" priority="53" stopIfTrue="1" operator="equal">
      <formula>"X"</formula>
    </cfRule>
  </conditionalFormatting>
  <conditionalFormatting sqref="H40">
    <cfRule type="cellIs" dxfId="50" priority="52" operator="equal">
      <formula>"X"</formula>
    </cfRule>
  </conditionalFormatting>
  <conditionalFormatting sqref="H43">
    <cfRule type="cellIs" dxfId="49" priority="51" stopIfTrue="1" operator="equal">
      <formula>"X"</formula>
    </cfRule>
  </conditionalFormatting>
  <conditionalFormatting sqref="H43">
    <cfRule type="cellIs" dxfId="48" priority="50" operator="equal">
      <formula>"X"</formula>
    </cfRule>
  </conditionalFormatting>
  <conditionalFormatting sqref="H55">
    <cfRule type="cellIs" dxfId="47" priority="49" stopIfTrue="1" operator="equal">
      <formula>"X"</formula>
    </cfRule>
  </conditionalFormatting>
  <conditionalFormatting sqref="H55">
    <cfRule type="cellIs" dxfId="46" priority="48" operator="equal">
      <formula>"X"</formula>
    </cfRule>
  </conditionalFormatting>
  <conditionalFormatting sqref="H77">
    <cfRule type="cellIs" dxfId="45" priority="47" stopIfTrue="1" operator="equal">
      <formula>"X"</formula>
    </cfRule>
  </conditionalFormatting>
  <conditionalFormatting sqref="H77">
    <cfRule type="cellIs" dxfId="44" priority="46" operator="equal">
      <formula>"X"</formula>
    </cfRule>
  </conditionalFormatting>
  <conditionalFormatting sqref="H80">
    <cfRule type="cellIs" dxfId="43" priority="45" stopIfTrue="1" operator="equal">
      <formula>"X"</formula>
    </cfRule>
  </conditionalFormatting>
  <conditionalFormatting sqref="H80">
    <cfRule type="cellIs" dxfId="42" priority="44" operator="equal">
      <formula>"X"</formula>
    </cfRule>
  </conditionalFormatting>
  <conditionalFormatting sqref="H81">
    <cfRule type="cellIs" dxfId="41" priority="43" stopIfTrue="1" operator="equal">
      <formula>"X"</formula>
    </cfRule>
  </conditionalFormatting>
  <conditionalFormatting sqref="H81">
    <cfRule type="cellIs" dxfId="40" priority="42" operator="equal">
      <formula>"X"</formula>
    </cfRule>
  </conditionalFormatting>
  <conditionalFormatting sqref="H82">
    <cfRule type="cellIs" dxfId="39" priority="41" stopIfTrue="1" operator="equal">
      <formula>"X"</formula>
    </cfRule>
  </conditionalFormatting>
  <conditionalFormatting sqref="H82">
    <cfRule type="cellIs" dxfId="38" priority="40" operator="equal">
      <formula>"X"</formula>
    </cfRule>
  </conditionalFormatting>
  <conditionalFormatting sqref="H90">
    <cfRule type="cellIs" dxfId="37" priority="39" stopIfTrue="1" operator="equal">
      <formula>"X"</formula>
    </cfRule>
  </conditionalFormatting>
  <conditionalFormatting sqref="H90">
    <cfRule type="cellIs" dxfId="36" priority="38" operator="equal">
      <formula>"X"</formula>
    </cfRule>
  </conditionalFormatting>
  <conditionalFormatting sqref="H93">
    <cfRule type="cellIs" dxfId="35" priority="37" stopIfTrue="1" operator="equal">
      <formula>"X"</formula>
    </cfRule>
  </conditionalFormatting>
  <conditionalFormatting sqref="H93">
    <cfRule type="cellIs" dxfId="34" priority="36" operator="equal">
      <formula>"X"</formula>
    </cfRule>
  </conditionalFormatting>
  <conditionalFormatting sqref="H96">
    <cfRule type="cellIs" dxfId="33" priority="35" stopIfTrue="1" operator="equal">
      <formula>"X"</formula>
    </cfRule>
  </conditionalFormatting>
  <conditionalFormatting sqref="H96">
    <cfRule type="cellIs" dxfId="32" priority="34" operator="equal">
      <formula>"X"</formula>
    </cfRule>
  </conditionalFormatting>
  <conditionalFormatting sqref="H99">
    <cfRule type="cellIs" dxfId="31" priority="33" stopIfTrue="1" operator="equal">
      <formula>"X"</formula>
    </cfRule>
  </conditionalFormatting>
  <conditionalFormatting sqref="H99">
    <cfRule type="cellIs" dxfId="30" priority="32" operator="equal">
      <formula>"X"</formula>
    </cfRule>
  </conditionalFormatting>
  <conditionalFormatting sqref="H57">
    <cfRule type="cellIs" dxfId="29" priority="29" stopIfTrue="1" operator="equal">
      <formula>"X"</formula>
    </cfRule>
  </conditionalFormatting>
  <conditionalFormatting sqref="H57">
    <cfRule type="cellIs" dxfId="28" priority="28" operator="equal">
      <formula>"X"</formula>
    </cfRule>
  </conditionalFormatting>
  <conditionalFormatting sqref="H58">
    <cfRule type="cellIs" dxfId="27" priority="27" stopIfTrue="1" operator="equal">
      <formula>"X"</formula>
    </cfRule>
  </conditionalFormatting>
  <conditionalFormatting sqref="H58">
    <cfRule type="cellIs" dxfId="26" priority="26" operator="equal">
      <formula>"X"</formula>
    </cfRule>
  </conditionalFormatting>
  <conditionalFormatting sqref="H59">
    <cfRule type="cellIs" dxfId="25" priority="25" stopIfTrue="1" operator="equal">
      <formula>"X"</formula>
    </cfRule>
  </conditionalFormatting>
  <conditionalFormatting sqref="H59">
    <cfRule type="cellIs" dxfId="24" priority="24" operator="equal">
      <formula>"X"</formula>
    </cfRule>
  </conditionalFormatting>
  <conditionalFormatting sqref="H60">
    <cfRule type="cellIs" dxfId="23" priority="23" stopIfTrue="1" operator="equal">
      <formula>"X"</formula>
    </cfRule>
  </conditionalFormatting>
  <conditionalFormatting sqref="H60">
    <cfRule type="cellIs" dxfId="22" priority="22" operator="equal">
      <formula>"X"</formula>
    </cfRule>
  </conditionalFormatting>
  <conditionalFormatting sqref="H61">
    <cfRule type="cellIs" dxfId="21" priority="21" stopIfTrue="1" operator="equal">
      <formula>"X"</formula>
    </cfRule>
  </conditionalFormatting>
  <conditionalFormatting sqref="H61">
    <cfRule type="cellIs" dxfId="20" priority="20" operator="equal">
      <formula>"X"</formula>
    </cfRule>
  </conditionalFormatting>
  <conditionalFormatting sqref="H65">
    <cfRule type="cellIs" dxfId="19" priority="19" stopIfTrue="1" operator="equal">
      <formula>"X"</formula>
    </cfRule>
  </conditionalFormatting>
  <conditionalFormatting sqref="H65">
    <cfRule type="cellIs" dxfId="18" priority="18" operator="equal">
      <formula>"X"</formula>
    </cfRule>
  </conditionalFormatting>
  <conditionalFormatting sqref="H66">
    <cfRule type="cellIs" dxfId="17" priority="17" stopIfTrue="1" operator="equal">
      <formula>"X"</formula>
    </cfRule>
  </conditionalFormatting>
  <conditionalFormatting sqref="H66">
    <cfRule type="cellIs" dxfId="16" priority="16" operator="equal">
      <formula>"X"</formula>
    </cfRule>
  </conditionalFormatting>
  <conditionalFormatting sqref="H67">
    <cfRule type="cellIs" dxfId="15" priority="15" stopIfTrue="1" operator="equal">
      <formula>"X"</formula>
    </cfRule>
  </conditionalFormatting>
  <conditionalFormatting sqref="H67">
    <cfRule type="cellIs" dxfId="14" priority="14" operator="equal">
      <formula>"X"</formula>
    </cfRule>
  </conditionalFormatting>
  <conditionalFormatting sqref="H71">
    <cfRule type="cellIs" dxfId="13" priority="13" stopIfTrue="1" operator="equal">
      <formula>"X"</formula>
    </cfRule>
  </conditionalFormatting>
  <conditionalFormatting sqref="H71">
    <cfRule type="cellIs" dxfId="12" priority="12" operator="equal">
      <formula>"X"</formula>
    </cfRule>
  </conditionalFormatting>
  <conditionalFormatting sqref="H72">
    <cfRule type="cellIs" dxfId="11" priority="11" stopIfTrue="1" operator="equal">
      <formula>"X"</formula>
    </cfRule>
  </conditionalFormatting>
  <conditionalFormatting sqref="H72">
    <cfRule type="cellIs" dxfId="10" priority="10" operator="equal">
      <formula>"X"</formula>
    </cfRule>
  </conditionalFormatting>
  <conditionalFormatting sqref="H73">
    <cfRule type="cellIs" dxfId="9" priority="9" stopIfTrue="1" operator="equal">
      <formula>"X"</formula>
    </cfRule>
  </conditionalFormatting>
  <conditionalFormatting sqref="H73">
    <cfRule type="cellIs" dxfId="8" priority="8" operator="equal">
      <formula>"X"</formula>
    </cfRule>
  </conditionalFormatting>
  <conditionalFormatting sqref="H74">
    <cfRule type="cellIs" dxfId="7" priority="7" stopIfTrue="1" operator="equal">
      <formula>"X"</formula>
    </cfRule>
  </conditionalFormatting>
  <conditionalFormatting sqref="H74">
    <cfRule type="cellIs" dxfId="6" priority="6" operator="equal">
      <formula>"X"</formula>
    </cfRule>
  </conditionalFormatting>
  <conditionalFormatting sqref="H85">
    <cfRule type="cellIs" dxfId="5" priority="5" stopIfTrue="1" operator="equal">
      <formula>"X"</formula>
    </cfRule>
  </conditionalFormatting>
  <conditionalFormatting sqref="H85">
    <cfRule type="cellIs" dxfId="4" priority="4" operator="equal">
      <formula>"X"</formula>
    </cfRule>
  </conditionalFormatting>
  <conditionalFormatting sqref="H101">
    <cfRule type="cellIs" dxfId="3" priority="3" stopIfTrue="1" operator="equal">
      <formula>"X"</formula>
    </cfRule>
  </conditionalFormatting>
  <conditionalFormatting sqref="H102:H103">
    <cfRule type="cellIs" dxfId="2" priority="2" stopIfTrue="1" operator="equal">
      <formula>"X"</formula>
    </cfRule>
  </conditionalFormatting>
  <conditionalFormatting sqref="H102:H103">
    <cfRule type="cellIs" dxfId="1" priority="1" operator="equal">
      <formula>"X"</formula>
    </cfRule>
  </conditionalFormatting>
  <dataValidations count="1">
    <dataValidation type="list" allowBlank="1" showInputMessage="1" showErrorMessage="1" sqref="H71:H74 H53:H55 H69 H14:H15 H9:H12 H6:H7 H35:H37 H27:H30 H23:H25 H20:H21 H17:H18 H63 H42:H43 H39:H40 H57:H61 H65:H67 H79:H82 H76:H77 H98:H99 H95:H96 H92:H93 H89:H90 H84:H85 H32:H33 H101:H103">
      <formula1>"　,X"</formula1>
    </dataValidation>
  </dataValidations>
  <printOptions horizontalCentered="1"/>
  <pageMargins left="0.59055118110236227" right="0.59055118110236227" top="0.59055118110236227" bottom="0.59055118110236227" header="0.31496062992125984" footer="0.31496062992125984"/>
  <pageSetup paperSize="9" scale="67" fitToHeight="2" orientation="portrait" r:id="rId1"/>
  <headerFooter>
    <oddFooter>&amp;LOthers (appendix.)&amp;RV.10.0 (revised on Jun. 2018)</oddFooter>
  </headerFooter>
  <rowBreaks count="1" manualBreakCount="1">
    <brk id="49" max="7"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B47"/>
  <sheetViews>
    <sheetView view="pageBreakPreview" zoomScaleNormal="100" zoomScaleSheetLayoutView="100" workbookViewId="0">
      <selection activeCell="W1" sqref="W1"/>
    </sheetView>
  </sheetViews>
  <sheetFormatPr defaultRowHeight="14.25"/>
  <cols>
    <col min="1" max="1" width="2.7109375" style="231" customWidth="1"/>
    <col min="2" max="2" width="4.5703125" style="231" customWidth="1"/>
    <col min="3" max="3" width="14.85546875" style="231" customWidth="1"/>
    <col min="4" max="7" width="11.5703125" style="231" customWidth="1"/>
    <col min="8" max="8" width="23.140625" style="231" customWidth="1"/>
    <col min="9" max="18" width="7.85546875" style="231" customWidth="1"/>
    <col min="19" max="21" width="9.85546875" style="231" customWidth="1"/>
    <col min="22" max="22" width="0.5703125" style="231" customWidth="1"/>
    <col min="23" max="23" width="17.5703125" style="231" customWidth="1"/>
    <col min="24" max="24" width="22" style="231" customWidth="1"/>
    <col min="25" max="25" width="10.28515625" style="231" customWidth="1"/>
    <col min="26" max="26" width="9.140625" style="231" customWidth="1"/>
    <col min="27" max="27" width="9.42578125" style="231" customWidth="1"/>
    <col min="28" max="28" width="8.85546875" style="231" customWidth="1"/>
    <col min="29" max="16384" width="9.140625" style="231"/>
  </cols>
  <sheetData>
    <row r="1" spans="1:28" ht="23.25" customHeight="1">
      <c r="A1" s="256"/>
      <c r="D1" s="236"/>
      <c r="I1" s="254"/>
      <c r="K1" s="236"/>
      <c r="L1" s="236"/>
      <c r="M1" s="236"/>
      <c r="N1" s="236"/>
      <c r="O1" s="236"/>
      <c r="P1" s="236"/>
      <c r="Q1" s="236"/>
      <c r="R1" s="236"/>
      <c r="S1" s="236"/>
      <c r="W1" s="236"/>
      <c r="X1" s="236"/>
      <c r="Y1" s="236"/>
    </row>
    <row r="2" spans="1:28" ht="15.75" customHeight="1">
      <c r="A2" s="256"/>
      <c r="C2" s="260"/>
      <c r="D2" s="236"/>
      <c r="I2" s="254"/>
      <c r="K2" s="236"/>
      <c r="L2" s="236"/>
      <c r="M2" s="236"/>
      <c r="N2" s="236"/>
      <c r="O2" s="236"/>
      <c r="P2" s="236"/>
      <c r="Q2" s="236"/>
      <c r="R2" s="236"/>
      <c r="S2" s="236"/>
      <c r="W2" s="259" t="s">
        <v>426</v>
      </c>
      <c r="X2" s="350"/>
      <c r="Y2" s="351"/>
      <c r="Z2" s="258"/>
      <c r="AA2" s="258"/>
      <c r="AB2" s="323" t="s">
        <v>390</v>
      </c>
    </row>
    <row r="3" spans="1:28" ht="24">
      <c r="A3" s="256"/>
      <c r="C3" s="256"/>
      <c r="D3" s="236"/>
      <c r="I3" s="254"/>
      <c r="K3" s="236"/>
      <c r="L3" s="236"/>
      <c r="M3" s="236"/>
      <c r="N3" s="236"/>
      <c r="O3" s="236"/>
      <c r="P3" s="236"/>
      <c r="Q3" s="236"/>
      <c r="R3" s="236"/>
      <c r="S3" s="236"/>
      <c r="W3" s="253" t="s">
        <v>425</v>
      </c>
      <c r="X3" s="354"/>
      <c r="Y3" s="354"/>
      <c r="Z3" s="257"/>
      <c r="AA3" s="257"/>
      <c r="AB3" s="324"/>
    </row>
    <row r="4" spans="1:28" ht="18">
      <c r="A4" s="256"/>
      <c r="C4" s="255"/>
      <c r="D4" s="236"/>
      <c r="I4" s="254"/>
      <c r="K4" s="236"/>
      <c r="L4" s="236"/>
      <c r="M4" s="236"/>
      <c r="N4" s="236"/>
      <c r="O4" s="236"/>
      <c r="P4" s="236"/>
      <c r="Q4" s="236"/>
      <c r="R4" s="236"/>
      <c r="S4" s="236"/>
      <c r="W4" s="253" t="s">
        <v>424</v>
      </c>
      <c r="X4" s="352"/>
      <c r="Y4" s="353"/>
      <c r="Z4" s="252"/>
      <c r="AA4" s="252"/>
      <c r="AB4" s="325"/>
    </row>
    <row r="5" spans="1:28">
      <c r="D5" s="236"/>
      <c r="K5" s="236"/>
      <c r="L5" s="236"/>
      <c r="M5" s="236"/>
      <c r="N5" s="236"/>
      <c r="O5" s="236"/>
      <c r="P5" s="236"/>
      <c r="Q5" s="236"/>
      <c r="R5" s="236"/>
      <c r="S5" s="236"/>
      <c r="W5" s="236"/>
      <c r="X5" s="236"/>
      <c r="Y5" s="236"/>
    </row>
    <row r="6" spans="1:28">
      <c r="D6" s="236"/>
      <c r="K6" s="236"/>
      <c r="L6" s="236"/>
      <c r="M6" s="236"/>
      <c r="N6" s="236"/>
      <c r="O6" s="236"/>
      <c r="P6" s="236"/>
      <c r="Q6" s="236"/>
      <c r="R6" s="236"/>
      <c r="S6" s="236"/>
      <c r="W6" s="236"/>
      <c r="X6" s="236"/>
      <c r="Y6" s="236"/>
    </row>
    <row r="7" spans="1:28" ht="22.5" customHeight="1">
      <c r="A7" s="251"/>
      <c r="B7" s="250"/>
      <c r="C7" s="248"/>
      <c r="D7" s="249"/>
      <c r="E7" s="248"/>
      <c r="F7" s="248"/>
      <c r="G7" s="248"/>
      <c r="H7" s="247"/>
      <c r="K7" s="236"/>
      <c r="L7" s="236"/>
      <c r="M7" s="236"/>
      <c r="N7" s="236"/>
      <c r="O7" s="236"/>
      <c r="P7" s="236"/>
      <c r="Q7" s="236"/>
      <c r="R7" s="236"/>
      <c r="S7" s="236"/>
      <c r="W7" s="236"/>
      <c r="X7" s="236"/>
      <c r="Y7" s="236"/>
    </row>
    <row r="8" spans="1:28" ht="3" customHeight="1" thickBot="1">
      <c r="A8" s="251"/>
      <c r="B8" s="250"/>
      <c r="C8" s="248"/>
      <c r="D8" s="249"/>
      <c r="E8" s="248"/>
      <c r="F8" s="248"/>
      <c r="G8" s="248"/>
      <c r="H8" s="247"/>
      <c r="K8" s="236"/>
      <c r="L8" s="236"/>
      <c r="M8" s="236"/>
      <c r="N8" s="236"/>
      <c r="O8" s="236"/>
      <c r="P8" s="236"/>
      <c r="Q8" s="236"/>
      <c r="R8" s="236"/>
      <c r="S8" s="236"/>
      <c r="W8" s="236"/>
      <c r="X8" s="236"/>
      <c r="Y8" s="236"/>
    </row>
    <row r="9" spans="1:28" ht="21" customHeight="1" thickBot="1">
      <c r="A9" s="251"/>
      <c r="B9" s="330" t="s">
        <v>423</v>
      </c>
      <c r="C9" s="331"/>
      <c r="D9" s="332"/>
      <c r="E9" s="333"/>
      <c r="F9" s="334"/>
      <c r="G9" s="248"/>
      <c r="H9" s="247"/>
      <c r="K9" s="236"/>
      <c r="L9" s="236"/>
      <c r="M9" s="236"/>
      <c r="N9" s="236"/>
      <c r="O9" s="236"/>
      <c r="P9" s="236"/>
      <c r="Q9" s="236"/>
      <c r="R9" s="236"/>
      <c r="S9" s="236"/>
      <c r="W9" s="236"/>
      <c r="X9" s="236"/>
      <c r="Y9" s="236"/>
    </row>
    <row r="10" spans="1:28" ht="4.5" customHeight="1" thickBot="1">
      <c r="A10" s="251"/>
      <c r="B10" s="250"/>
      <c r="C10" s="248"/>
      <c r="D10" s="249"/>
      <c r="E10" s="248"/>
      <c r="F10" s="248"/>
      <c r="G10" s="248"/>
      <c r="H10" s="247"/>
      <c r="K10" s="236"/>
      <c r="L10" s="236"/>
      <c r="M10" s="236"/>
      <c r="N10" s="236"/>
      <c r="O10" s="236"/>
      <c r="P10" s="236"/>
      <c r="Q10" s="236"/>
      <c r="R10" s="236"/>
      <c r="S10" s="236"/>
      <c r="W10" s="236"/>
      <c r="X10" s="236"/>
      <c r="Y10" s="236"/>
    </row>
    <row r="11" spans="1:28" ht="13.5" customHeight="1">
      <c r="A11" s="244"/>
      <c r="B11" s="313" t="s">
        <v>422</v>
      </c>
      <c r="C11" s="315" t="s">
        <v>389</v>
      </c>
      <c r="D11" s="315" t="s">
        <v>388</v>
      </c>
      <c r="E11" s="328" t="s">
        <v>387</v>
      </c>
      <c r="F11" s="315" t="s">
        <v>421</v>
      </c>
      <c r="G11" s="335" t="s">
        <v>420</v>
      </c>
      <c r="H11" s="335" t="s">
        <v>419</v>
      </c>
      <c r="I11" s="339" t="s">
        <v>418</v>
      </c>
      <c r="J11" s="340"/>
      <c r="K11" s="340"/>
      <c r="L11" s="340"/>
      <c r="M11" s="340"/>
      <c r="N11" s="340"/>
      <c r="O11" s="340"/>
      <c r="P11" s="340"/>
      <c r="Q11" s="340"/>
      <c r="R11" s="341"/>
      <c r="S11" s="337" t="s">
        <v>417</v>
      </c>
      <c r="T11" s="342" t="s">
        <v>416</v>
      </c>
      <c r="U11" s="326" t="s">
        <v>415</v>
      </c>
      <c r="V11" s="245"/>
      <c r="W11" s="244"/>
      <c r="X11" s="244"/>
      <c r="Y11" s="244"/>
      <c r="Z11" s="244"/>
      <c r="AA11" s="244"/>
      <c r="AB11" s="244"/>
    </row>
    <row r="12" spans="1:28" ht="24.75" customHeight="1">
      <c r="A12" s="244"/>
      <c r="B12" s="314"/>
      <c r="C12" s="316"/>
      <c r="D12" s="316"/>
      <c r="E12" s="329"/>
      <c r="F12" s="316"/>
      <c r="G12" s="336"/>
      <c r="H12" s="336"/>
      <c r="I12" s="246" t="s">
        <v>414</v>
      </c>
      <c r="J12" s="276" t="s">
        <v>386</v>
      </c>
      <c r="K12" s="276" t="s">
        <v>413</v>
      </c>
      <c r="L12" s="276" t="s">
        <v>385</v>
      </c>
      <c r="M12" s="246" t="s">
        <v>412</v>
      </c>
      <c r="N12" s="246" t="s">
        <v>384</v>
      </c>
      <c r="O12" s="246" t="s">
        <v>411</v>
      </c>
      <c r="P12" s="246" t="s">
        <v>410</v>
      </c>
      <c r="Q12" s="246" t="s">
        <v>409</v>
      </c>
      <c r="R12" s="246" t="s">
        <v>408</v>
      </c>
      <c r="S12" s="338"/>
      <c r="T12" s="343"/>
      <c r="U12" s="327"/>
      <c r="V12" s="245"/>
      <c r="W12" s="244"/>
      <c r="X12" s="244"/>
      <c r="Y12" s="244"/>
      <c r="Z12" s="244"/>
      <c r="AA12" s="244"/>
      <c r="AB12" s="244"/>
    </row>
    <row r="13" spans="1:28" ht="13.5" customHeight="1">
      <c r="B13" s="317">
        <v>1</v>
      </c>
      <c r="C13" s="320"/>
      <c r="D13" s="320"/>
      <c r="E13" s="320"/>
      <c r="F13" s="320"/>
      <c r="G13" s="320"/>
      <c r="H13" s="243" t="s">
        <v>405</v>
      </c>
      <c r="I13" s="240"/>
      <c r="J13" s="240"/>
      <c r="K13" s="240"/>
      <c r="L13" s="240"/>
      <c r="M13" s="240"/>
      <c r="N13" s="240"/>
      <c r="O13" s="240"/>
      <c r="P13" s="240"/>
      <c r="Q13" s="240"/>
      <c r="R13" s="240"/>
      <c r="S13" s="320"/>
      <c r="T13" s="320"/>
      <c r="U13" s="346"/>
      <c r="V13" s="237"/>
    </row>
    <row r="14" spans="1:28" ht="13.5" customHeight="1">
      <c r="B14" s="318"/>
      <c r="C14" s="321"/>
      <c r="D14" s="321"/>
      <c r="E14" s="321"/>
      <c r="F14" s="321"/>
      <c r="G14" s="321"/>
      <c r="H14" s="241" t="s">
        <v>404</v>
      </c>
      <c r="I14" s="240"/>
      <c r="J14" s="240"/>
      <c r="K14" s="240"/>
      <c r="L14" s="240"/>
      <c r="M14" s="240"/>
      <c r="N14" s="240"/>
      <c r="O14" s="240"/>
      <c r="P14" s="240"/>
      <c r="Q14" s="240"/>
      <c r="R14" s="240"/>
      <c r="S14" s="321"/>
      <c r="T14" s="321"/>
      <c r="U14" s="344"/>
      <c r="V14" s="237"/>
    </row>
    <row r="15" spans="1:28" ht="13.5" customHeight="1">
      <c r="B15" s="318"/>
      <c r="C15" s="321"/>
      <c r="D15" s="321"/>
      <c r="E15" s="321"/>
      <c r="F15" s="321"/>
      <c r="G15" s="321"/>
      <c r="H15" s="241" t="s">
        <v>407</v>
      </c>
      <c r="I15" s="240"/>
      <c r="J15" s="240"/>
      <c r="K15" s="240"/>
      <c r="L15" s="240"/>
      <c r="M15" s="240"/>
      <c r="N15" s="240"/>
      <c r="O15" s="240"/>
      <c r="P15" s="240"/>
      <c r="Q15" s="240"/>
      <c r="R15" s="240"/>
      <c r="S15" s="321"/>
      <c r="T15" s="321"/>
      <c r="U15" s="344"/>
      <c r="V15" s="237"/>
    </row>
    <row r="16" spans="1:28" ht="13.5" customHeight="1">
      <c r="B16" s="318"/>
      <c r="C16" s="321"/>
      <c r="D16" s="321"/>
      <c r="E16" s="321"/>
      <c r="F16" s="321"/>
      <c r="G16" s="321"/>
      <c r="H16" s="241" t="s">
        <v>401</v>
      </c>
      <c r="I16" s="240"/>
      <c r="J16" s="240"/>
      <c r="K16" s="240"/>
      <c r="L16" s="240"/>
      <c r="M16" s="240"/>
      <c r="N16" s="240"/>
      <c r="O16" s="240"/>
      <c r="P16" s="240"/>
      <c r="Q16" s="240"/>
      <c r="R16" s="240"/>
      <c r="S16" s="321"/>
      <c r="T16" s="321"/>
      <c r="U16" s="344"/>
      <c r="V16" s="237"/>
    </row>
    <row r="17" spans="2:25" ht="13.5" customHeight="1" thickBot="1">
      <c r="B17" s="319"/>
      <c r="C17" s="321"/>
      <c r="D17" s="322"/>
      <c r="E17" s="322"/>
      <c r="F17" s="322"/>
      <c r="G17" s="322"/>
      <c r="H17" s="239" t="s">
        <v>381</v>
      </c>
      <c r="I17" s="238"/>
      <c r="J17" s="238"/>
      <c r="K17" s="238"/>
      <c r="L17" s="238"/>
      <c r="M17" s="238"/>
      <c r="N17" s="238"/>
      <c r="O17" s="238"/>
      <c r="P17" s="238"/>
      <c r="Q17" s="238"/>
      <c r="R17" s="238"/>
      <c r="S17" s="322"/>
      <c r="T17" s="322"/>
      <c r="U17" s="345"/>
      <c r="V17" s="237"/>
    </row>
    <row r="18" spans="2:25" ht="13.5" customHeight="1">
      <c r="B18" s="317">
        <v>2</v>
      </c>
      <c r="C18" s="321"/>
      <c r="D18" s="320"/>
      <c r="E18" s="320"/>
      <c r="F18" s="320"/>
      <c r="G18" s="320"/>
      <c r="H18" s="242" t="s">
        <v>405</v>
      </c>
      <c r="I18" s="240"/>
      <c r="J18" s="240"/>
      <c r="K18" s="240"/>
      <c r="L18" s="240"/>
      <c r="M18" s="240"/>
      <c r="N18" s="240"/>
      <c r="O18" s="240"/>
      <c r="P18" s="240"/>
      <c r="Q18" s="240"/>
      <c r="R18" s="240"/>
      <c r="S18" s="321"/>
      <c r="T18" s="321"/>
      <c r="U18" s="344"/>
      <c r="V18" s="237"/>
      <c r="W18" s="236"/>
      <c r="X18" s="236"/>
      <c r="Y18" s="236"/>
    </row>
    <row r="19" spans="2:25" ht="13.5" customHeight="1">
      <c r="B19" s="318"/>
      <c r="C19" s="321"/>
      <c r="D19" s="321"/>
      <c r="E19" s="321"/>
      <c r="F19" s="321"/>
      <c r="G19" s="321"/>
      <c r="H19" s="241" t="s">
        <v>383</v>
      </c>
      <c r="I19" s="240"/>
      <c r="J19" s="240"/>
      <c r="K19" s="240"/>
      <c r="L19" s="240"/>
      <c r="M19" s="240"/>
      <c r="N19" s="240"/>
      <c r="O19" s="240"/>
      <c r="P19" s="240"/>
      <c r="Q19" s="240"/>
      <c r="R19" s="240"/>
      <c r="S19" s="321"/>
      <c r="T19" s="321"/>
      <c r="U19" s="344"/>
      <c r="V19" s="237"/>
      <c r="W19" s="236"/>
      <c r="X19" s="236"/>
      <c r="Y19" s="236"/>
    </row>
    <row r="20" spans="2:25" ht="13.5" customHeight="1">
      <c r="B20" s="318"/>
      <c r="C20" s="321"/>
      <c r="D20" s="321"/>
      <c r="E20" s="321"/>
      <c r="F20" s="321"/>
      <c r="G20" s="321"/>
      <c r="H20" s="241" t="s">
        <v>407</v>
      </c>
      <c r="I20" s="240"/>
      <c r="J20" s="240"/>
      <c r="K20" s="240"/>
      <c r="L20" s="240"/>
      <c r="M20" s="240"/>
      <c r="N20" s="240"/>
      <c r="O20" s="240"/>
      <c r="P20" s="240"/>
      <c r="Q20" s="240"/>
      <c r="R20" s="240"/>
      <c r="S20" s="321"/>
      <c r="T20" s="321"/>
      <c r="U20" s="344"/>
      <c r="V20" s="237"/>
      <c r="W20" s="236"/>
      <c r="X20" s="236"/>
      <c r="Y20" s="236"/>
    </row>
    <row r="21" spans="2:25" ht="13.5" customHeight="1">
      <c r="B21" s="318"/>
      <c r="C21" s="321"/>
      <c r="D21" s="321"/>
      <c r="E21" s="321"/>
      <c r="F21" s="321"/>
      <c r="G21" s="321"/>
      <c r="H21" s="241" t="s">
        <v>401</v>
      </c>
      <c r="I21" s="240"/>
      <c r="J21" s="240"/>
      <c r="K21" s="240"/>
      <c r="L21" s="240"/>
      <c r="M21" s="240"/>
      <c r="N21" s="240"/>
      <c r="O21" s="240"/>
      <c r="P21" s="240"/>
      <c r="Q21" s="240"/>
      <c r="R21" s="240"/>
      <c r="S21" s="321"/>
      <c r="T21" s="321"/>
      <c r="U21" s="344"/>
      <c r="V21" s="237"/>
      <c r="W21" s="236"/>
      <c r="X21" s="236"/>
      <c r="Y21" s="236"/>
    </row>
    <row r="22" spans="2:25" ht="13.5" customHeight="1" thickBot="1">
      <c r="B22" s="319"/>
      <c r="C22" s="321"/>
      <c r="D22" s="322"/>
      <c r="E22" s="322"/>
      <c r="F22" s="322"/>
      <c r="G22" s="322"/>
      <c r="H22" s="239" t="s">
        <v>381</v>
      </c>
      <c r="I22" s="238"/>
      <c r="J22" s="238"/>
      <c r="K22" s="238"/>
      <c r="L22" s="238"/>
      <c r="M22" s="238"/>
      <c r="N22" s="238"/>
      <c r="O22" s="238"/>
      <c r="P22" s="238"/>
      <c r="Q22" s="238"/>
      <c r="R22" s="238"/>
      <c r="S22" s="322"/>
      <c r="T22" s="322"/>
      <c r="U22" s="345"/>
      <c r="V22" s="237"/>
      <c r="W22" s="236"/>
      <c r="X22" s="236"/>
      <c r="Y22" s="236"/>
    </row>
    <row r="23" spans="2:25" ht="13.5" customHeight="1">
      <c r="B23" s="317">
        <v>3</v>
      </c>
      <c r="C23" s="321"/>
      <c r="D23" s="320"/>
      <c r="E23" s="320"/>
      <c r="F23" s="320"/>
      <c r="G23" s="320"/>
      <c r="H23" s="242" t="s">
        <v>405</v>
      </c>
      <c r="I23" s="240"/>
      <c r="J23" s="240"/>
      <c r="K23" s="240"/>
      <c r="L23" s="240"/>
      <c r="M23" s="240"/>
      <c r="N23" s="240"/>
      <c r="O23" s="240"/>
      <c r="P23" s="240"/>
      <c r="Q23" s="240"/>
      <c r="R23" s="240"/>
      <c r="S23" s="321"/>
      <c r="T23" s="321"/>
      <c r="U23" s="344"/>
      <c r="V23" s="237"/>
      <c r="W23" s="236"/>
      <c r="X23" s="236"/>
      <c r="Y23" s="236"/>
    </row>
    <row r="24" spans="2:25" ht="13.5" customHeight="1">
      <c r="B24" s="318"/>
      <c r="C24" s="321"/>
      <c r="D24" s="321"/>
      <c r="E24" s="321"/>
      <c r="F24" s="321"/>
      <c r="G24" s="321"/>
      <c r="H24" s="241" t="s">
        <v>404</v>
      </c>
      <c r="I24" s="240"/>
      <c r="J24" s="240"/>
      <c r="K24" s="240"/>
      <c r="L24" s="240"/>
      <c r="M24" s="240"/>
      <c r="N24" s="240"/>
      <c r="O24" s="240"/>
      <c r="P24" s="240"/>
      <c r="Q24" s="240"/>
      <c r="R24" s="240"/>
      <c r="S24" s="321"/>
      <c r="T24" s="321"/>
      <c r="U24" s="344"/>
      <c r="V24" s="237"/>
      <c r="W24" s="236"/>
      <c r="X24" s="236"/>
      <c r="Y24" s="236"/>
    </row>
    <row r="25" spans="2:25" ht="13.5" customHeight="1">
      <c r="B25" s="318"/>
      <c r="C25" s="321"/>
      <c r="D25" s="321"/>
      <c r="E25" s="321"/>
      <c r="F25" s="321"/>
      <c r="G25" s="321"/>
      <c r="H25" s="241" t="s">
        <v>407</v>
      </c>
      <c r="I25" s="240"/>
      <c r="J25" s="240"/>
      <c r="K25" s="240"/>
      <c r="L25" s="240"/>
      <c r="M25" s="240"/>
      <c r="N25" s="240"/>
      <c r="O25" s="240"/>
      <c r="P25" s="240"/>
      <c r="Q25" s="240"/>
      <c r="R25" s="240"/>
      <c r="S25" s="321"/>
      <c r="T25" s="321"/>
      <c r="U25" s="344"/>
      <c r="V25" s="237"/>
      <c r="W25" s="236"/>
      <c r="X25" s="236"/>
      <c r="Y25" s="236"/>
    </row>
    <row r="26" spans="2:25" ht="13.5" customHeight="1">
      <c r="B26" s="318"/>
      <c r="C26" s="321"/>
      <c r="D26" s="321"/>
      <c r="E26" s="321"/>
      <c r="F26" s="321"/>
      <c r="G26" s="321"/>
      <c r="H26" s="241" t="s">
        <v>401</v>
      </c>
      <c r="I26" s="240"/>
      <c r="J26" s="240"/>
      <c r="K26" s="240"/>
      <c r="L26" s="240"/>
      <c r="M26" s="240"/>
      <c r="N26" s="240"/>
      <c r="O26" s="240"/>
      <c r="P26" s="240"/>
      <c r="Q26" s="240"/>
      <c r="R26" s="240"/>
      <c r="S26" s="321"/>
      <c r="T26" s="321"/>
      <c r="U26" s="344"/>
      <c r="V26" s="237"/>
      <c r="W26" s="236"/>
      <c r="X26" s="236"/>
      <c r="Y26" s="236"/>
    </row>
    <row r="27" spans="2:25" ht="13.5" customHeight="1" thickBot="1">
      <c r="B27" s="319"/>
      <c r="C27" s="321"/>
      <c r="D27" s="322"/>
      <c r="E27" s="322"/>
      <c r="F27" s="322"/>
      <c r="G27" s="322"/>
      <c r="H27" s="239" t="s">
        <v>406</v>
      </c>
      <c r="I27" s="238"/>
      <c r="J27" s="238"/>
      <c r="K27" s="238"/>
      <c r="L27" s="238"/>
      <c r="M27" s="238"/>
      <c r="N27" s="238"/>
      <c r="O27" s="238"/>
      <c r="P27" s="238"/>
      <c r="Q27" s="238"/>
      <c r="R27" s="238"/>
      <c r="S27" s="322"/>
      <c r="T27" s="322"/>
      <c r="U27" s="345"/>
      <c r="V27" s="237"/>
      <c r="W27" s="236"/>
      <c r="X27" s="236"/>
      <c r="Y27" s="236"/>
    </row>
    <row r="28" spans="2:25" ht="13.5" customHeight="1">
      <c r="B28" s="317">
        <v>4</v>
      </c>
      <c r="C28" s="321"/>
      <c r="D28" s="320"/>
      <c r="E28" s="320"/>
      <c r="F28" s="320"/>
      <c r="G28" s="320"/>
      <c r="H28" s="242" t="s">
        <v>403</v>
      </c>
      <c r="I28" s="240"/>
      <c r="J28" s="240"/>
      <c r="K28" s="240"/>
      <c r="L28" s="240"/>
      <c r="M28" s="240"/>
      <c r="N28" s="240"/>
      <c r="O28" s="240"/>
      <c r="P28" s="240"/>
      <c r="Q28" s="240"/>
      <c r="R28" s="240"/>
      <c r="S28" s="321"/>
      <c r="T28" s="321"/>
      <c r="U28" s="344"/>
      <c r="V28" s="237"/>
      <c r="W28" s="236"/>
      <c r="X28" s="236"/>
      <c r="Y28" s="236"/>
    </row>
    <row r="29" spans="2:25" ht="13.5" customHeight="1">
      <c r="B29" s="318"/>
      <c r="C29" s="321"/>
      <c r="D29" s="321"/>
      <c r="E29" s="321"/>
      <c r="F29" s="321"/>
      <c r="G29" s="321"/>
      <c r="H29" s="241" t="s">
        <v>402</v>
      </c>
      <c r="I29" s="240"/>
      <c r="J29" s="240"/>
      <c r="K29" s="240"/>
      <c r="L29" s="240"/>
      <c r="M29" s="240"/>
      <c r="N29" s="240"/>
      <c r="O29" s="240"/>
      <c r="P29" s="240"/>
      <c r="Q29" s="240"/>
      <c r="R29" s="240"/>
      <c r="S29" s="321"/>
      <c r="T29" s="321"/>
      <c r="U29" s="344"/>
      <c r="V29" s="237"/>
      <c r="W29" s="236"/>
      <c r="X29" s="236"/>
      <c r="Y29" s="236"/>
    </row>
    <row r="30" spans="2:25" ht="13.5" customHeight="1">
      <c r="B30" s="318"/>
      <c r="C30" s="321"/>
      <c r="D30" s="321"/>
      <c r="E30" s="321"/>
      <c r="F30" s="321"/>
      <c r="G30" s="321"/>
      <c r="H30" s="241" t="s">
        <v>382</v>
      </c>
      <c r="I30" s="240"/>
      <c r="J30" s="240"/>
      <c r="K30" s="240"/>
      <c r="L30" s="240"/>
      <c r="M30" s="240"/>
      <c r="N30" s="240"/>
      <c r="O30" s="240"/>
      <c r="P30" s="240"/>
      <c r="Q30" s="240"/>
      <c r="R30" s="240"/>
      <c r="S30" s="321"/>
      <c r="T30" s="321"/>
      <c r="U30" s="344"/>
      <c r="V30" s="237"/>
      <c r="W30" s="236"/>
      <c r="X30" s="236"/>
      <c r="Y30" s="236"/>
    </row>
    <row r="31" spans="2:25" ht="13.5" customHeight="1">
      <c r="B31" s="318"/>
      <c r="C31" s="321"/>
      <c r="D31" s="321"/>
      <c r="E31" s="321"/>
      <c r="F31" s="321"/>
      <c r="G31" s="321"/>
      <c r="H31" s="241" t="s">
        <v>401</v>
      </c>
      <c r="I31" s="240"/>
      <c r="J31" s="240"/>
      <c r="K31" s="240"/>
      <c r="L31" s="240"/>
      <c r="M31" s="240"/>
      <c r="N31" s="240"/>
      <c r="O31" s="240"/>
      <c r="P31" s="240"/>
      <c r="Q31" s="240"/>
      <c r="R31" s="240"/>
      <c r="S31" s="321"/>
      <c r="T31" s="321"/>
      <c r="U31" s="344"/>
      <c r="V31" s="237"/>
      <c r="W31" s="236"/>
      <c r="X31" s="236"/>
      <c r="Y31" s="236"/>
    </row>
    <row r="32" spans="2:25" ht="13.5" customHeight="1" thickBot="1">
      <c r="B32" s="319"/>
      <c r="C32" s="321"/>
      <c r="D32" s="322"/>
      <c r="E32" s="322"/>
      <c r="F32" s="322"/>
      <c r="G32" s="322"/>
      <c r="H32" s="239" t="s">
        <v>381</v>
      </c>
      <c r="I32" s="238"/>
      <c r="J32" s="238"/>
      <c r="K32" s="238"/>
      <c r="L32" s="238"/>
      <c r="M32" s="238"/>
      <c r="N32" s="238"/>
      <c r="O32" s="238"/>
      <c r="P32" s="238"/>
      <c r="Q32" s="238"/>
      <c r="R32" s="238"/>
      <c r="S32" s="322"/>
      <c r="T32" s="322"/>
      <c r="U32" s="345"/>
      <c r="V32" s="237"/>
      <c r="W32" s="236"/>
      <c r="X32" s="236"/>
      <c r="Y32" s="236"/>
    </row>
    <row r="33" spans="2:25" ht="13.5" customHeight="1">
      <c r="B33" s="317">
        <v>5</v>
      </c>
      <c r="C33" s="321"/>
      <c r="D33" s="320"/>
      <c r="E33" s="320"/>
      <c r="F33" s="320"/>
      <c r="G33" s="320"/>
      <c r="H33" s="242" t="s">
        <v>405</v>
      </c>
      <c r="I33" s="240"/>
      <c r="J33" s="240"/>
      <c r="K33" s="240"/>
      <c r="L33" s="240"/>
      <c r="M33" s="240"/>
      <c r="N33" s="240"/>
      <c r="O33" s="240"/>
      <c r="P33" s="240"/>
      <c r="Q33" s="240"/>
      <c r="R33" s="240"/>
      <c r="S33" s="321"/>
      <c r="T33" s="321"/>
      <c r="U33" s="344"/>
      <c r="V33" s="237"/>
      <c r="W33" s="236"/>
      <c r="X33" s="236"/>
      <c r="Y33" s="236"/>
    </row>
    <row r="34" spans="2:25" ht="13.5" customHeight="1">
      <c r="B34" s="318"/>
      <c r="C34" s="321"/>
      <c r="D34" s="321"/>
      <c r="E34" s="321"/>
      <c r="F34" s="321"/>
      <c r="G34" s="321"/>
      <c r="H34" s="241" t="s">
        <v>404</v>
      </c>
      <c r="I34" s="240"/>
      <c r="J34" s="240"/>
      <c r="K34" s="240"/>
      <c r="L34" s="240"/>
      <c r="M34" s="240"/>
      <c r="N34" s="240"/>
      <c r="O34" s="240"/>
      <c r="P34" s="240"/>
      <c r="Q34" s="240"/>
      <c r="R34" s="240"/>
      <c r="S34" s="321"/>
      <c r="T34" s="321"/>
      <c r="U34" s="344"/>
      <c r="V34" s="237"/>
      <c r="W34" s="236"/>
      <c r="X34" s="236"/>
      <c r="Y34" s="236"/>
    </row>
    <row r="35" spans="2:25" ht="13.5" customHeight="1">
      <c r="B35" s="318"/>
      <c r="C35" s="321"/>
      <c r="D35" s="321"/>
      <c r="E35" s="321"/>
      <c r="F35" s="321"/>
      <c r="G35" s="321"/>
      <c r="H35" s="241" t="s">
        <v>382</v>
      </c>
      <c r="I35" s="240"/>
      <c r="J35" s="240"/>
      <c r="K35" s="240"/>
      <c r="L35" s="240"/>
      <c r="M35" s="240"/>
      <c r="N35" s="240"/>
      <c r="O35" s="240"/>
      <c r="P35" s="240"/>
      <c r="Q35" s="240"/>
      <c r="R35" s="240"/>
      <c r="S35" s="321"/>
      <c r="T35" s="321"/>
      <c r="U35" s="344"/>
      <c r="V35" s="237"/>
      <c r="W35" s="236"/>
      <c r="X35" s="236"/>
      <c r="Y35" s="236"/>
    </row>
    <row r="36" spans="2:25" ht="13.5" customHeight="1">
      <c r="B36" s="318"/>
      <c r="C36" s="321"/>
      <c r="D36" s="321"/>
      <c r="E36" s="321"/>
      <c r="F36" s="321"/>
      <c r="G36" s="321"/>
      <c r="H36" s="241" t="s">
        <v>401</v>
      </c>
      <c r="I36" s="240"/>
      <c r="J36" s="240"/>
      <c r="K36" s="240"/>
      <c r="L36" s="240"/>
      <c r="M36" s="240"/>
      <c r="N36" s="240"/>
      <c r="O36" s="240"/>
      <c r="P36" s="240"/>
      <c r="Q36" s="240"/>
      <c r="R36" s="240"/>
      <c r="S36" s="321"/>
      <c r="T36" s="321"/>
      <c r="U36" s="344"/>
      <c r="V36" s="237"/>
      <c r="W36" s="236"/>
      <c r="X36" s="236"/>
      <c r="Y36" s="236"/>
    </row>
    <row r="37" spans="2:25" ht="13.5" customHeight="1" thickBot="1">
      <c r="B37" s="319"/>
      <c r="C37" s="321"/>
      <c r="D37" s="322"/>
      <c r="E37" s="322"/>
      <c r="F37" s="322"/>
      <c r="G37" s="322"/>
      <c r="H37" s="239" t="s">
        <v>381</v>
      </c>
      <c r="I37" s="238"/>
      <c r="J37" s="238"/>
      <c r="K37" s="238"/>
      <c r="L37" s="238"/>
      <c r="M37" s="238"/>
      <c r="N37" s="238"/>
      <c r="O37" s="238"/>
      <c r="P37" s="238"/>
      <c r="Q37" s="238"/>
      <c r="R37" s="238"/>
      <c r="S37" s="322"/>
      <c r="T37" s="322"/>
      <c r="U37" s="345"/>
      <c r="V37" s="237"/>
      <c r="W37" s="236"/>
      <c r="X37" s="236"/>
      <c r="Y37" s="236"/>
    </row>
    <row r="38" spans="2:25" ht="13.5" customHeight="1">
      <c r="B38" s="317">
        <v>6</v>
      </c>
      <c r="C38" s="321"/>
      <c r="D38" s="320"/>
      <c r="E38" s="320"/>
      <c r="F38" s="320"/>
      <c r="G38" s="320"/>
      <c r="H38" s="242" t="s">
        <v>403</v>
      </c>
      <c r="I38" s="240"/>
      <c r="J38" s="240"/>
      <c r="K38" s="240"/>
      <c r="L38" s="240"/>
      <c r="M38" s="240"/>
      <c r="N38" s="240"/>
      <c r="O38" s="240"/>
      <c r="P38" s="240"/>
      <c r="Q38" s="240"/>
      <c r="R38" s="240"/>
      <c r="S38" s="321"/>
      <c r="T38" s="321"/>
      <c r="U38" s="344"/>
      <c r="V38" s="237"/>
      <c r="W38" s="236"/>
      <c r="X38" s="236"/>
      <c r="Y38" s="236"/>
    </row>
    <row r="39" spans="2:25" ht="13.5" customHeight="1">
      <c r="B39" s="318"/>
      <c r="C39" s="321"/>
      <c r="D39" s="321"/>
      <c r="E39" s="321"/>
      <c r="F39" s="321"/>
      <c r="G39" s="321"/>
      <c r="H39" s="241" t="s">
        <v>402</v>
      </c>
      <c r="I39" s="240"/>
      <c r="J39" s="240"/>
      <c r="K39" s="240"/>
      <c r="L39" s="240"/>
      <c r="M39" s="240"/>
      <c r="N39" s="240"/>
      <c r="O39" s="240"/>
      <c r="P39" s="240"/>
      <c r="Q39" s="240"/>
      <c r="R39" s="240"/>
      <c r="S39" s="321"/>
      <c r="T39" s="321"/>
      <c r="U39" s="344"/>
      <c r="V39" s="237"/>
      <c r="W39" s="236"/>
      <c r="X39" s="236"/>
      <c r="Y39" s="236"/>
    </row>
    <row r="40" spans="2:25" ht="13.5" customHeight="1">
      <c r="B40" s="318"/>
      <c r="C40" s="321"/>
      <c r="D40" s="321"/>
      <c r="E40" s="321"/>
      <c r="F40" s="321"/>
      <c r="G40" s="321"/>
      <c r="H40" s="241" t="s">
        <v>382</v>
      </c>
      <c r="I40" s="240"/>
      <c r="J40" s="240"/>
      <c r="K40" s="240"/>
      <c r="L40" s="240"/>
      <c r="M40" s="240"/>
      <c r="N40" s="240"/>
      <c r="O40" s="240"/>
      <c r="P40" s="240"/>
      <c r="Q40" s="240"/>
      <c r="R40" s="240"/>
      <c r="S40" s="321"/>
      <c r="T40" s="321"/>
      <c r="U40" s="344"/>
      <c r="V40" s="237"/>
      <c r="W40" s="236"/>
      <c r="X40" s="236"/>
      <c r="Y40" s="236"/>
    </row>
    <row r="41" spans="2:25" ht="13.5" customHeight="1">
      <c r="B41" s="318"/>
      <c r="C41" s="321"/>
      <c r="D41" s="321"/>
      <c r="E41" s="321"/>
      <c r="F41" s="321"/>
      <c r="G41" s="321"/>
      <c r="H41" s="241" t="s">
        <v>401</v>
      </c>
      <c r="I41" s="240"/>
      <c r="J41" s="240"/>
      <c r="K41" s="240"/>
      <c r="L41" s="240"/>
      <c r="M41" s="240"/>
      <c r="N41" s="240"/>
      <c r="O41" s="240"/>
      <c r="P41" s="240"/>
      <c r="Q41" s="240"/>
      <c r="R41" s="240"/>
      <c r="S41" s="321"/>
      <c r="T41" s="321"/>
      <c r="U41" s="344"/>
      <c r="V41" s="237"/>
      <c r="W41" s="236"/>
      <c r="X41" s="236"/>
      <c r="Y41" s="236"/>
    </row>
    <row r="42" spans="2:25" ht="13.5" customHeight="1" thickBot="1">
      <c r="B42" s="319"/>
      <c r="C42" s="322"/>
      <c r="D42" s="322"/>
      <c r="E42" s="322"/>
      <c r="F42" s="322"/>
      <c r="G42" s="322"/>
      <c r="H42" s="239" t="s">
        <v>381</v>
      </c>
      <c r="I42" s="238"/>
      <c r="J42" s="238"/>
      <c r="K42" s="238"/>
      <c r="L42" s="238"/>
      <c r="M42" s="238"/>
      <c r="N42" s="238"/>
      <c r="O42" s="238"/>
      <c r="P42" s="238"/>
      <c r="Q42" s="238"/>
      <c r="R42" s="238"/>
      <c r="S42" s="322"/>
      <c r="T42" s="322"/>
      <c r="U42" s="345"/>
      <c r="V42" s="237"/>
      <c r="W42" s="236"/>
      <c r="X42" s="236"/>
      <c r="Y42" s="236"/>
    </row>
    <row r="43" spans="2:25">
      <c r="D43" s="236"/>
      <c r="K43" s="236"/>
      <c r="L43" s="236"/>
      <c r="M43" s="236"/>
      <c r="N43" s="236"/>
      <c r="O43" s="236"/>
      <c r="P43" s="236"/>
      <c r="Q43" s="236"/>
      <c r="R43" s="236"/>
      <c r="S43" s="236"/>
      <c r="W43" s="236"/>
      <c r="X43" s="236"/>
      <c r="Y43" s="236"/>
    </row>
    <row r="44" spans="2:25">
      <c r="D44" s="236"/>
      <c r="K44" s="236"/>
      <c r="L44" s="236"/>
      <c r="M44" s="236"/>
      <c r="N44" s="236"/>
      <c r="O44" s="236"/>
      <c r="P44" s="236"/>
      <c r="Q44" s="236"/>
      <c r="R44" s="236"/>
      <c r="S44" s="236"/>
      <c r="W44" s="236"/>
      <c r="X44" s="236"/>
      <c r="Y44" s="236"/>
    </row>
    <row r="45" spans="2:25">
      <c r="D45" s="236"/>
      <c r="K45" s="236"/>
      <c r="L45" s="236"/>
      <c r="M45" s="236"/>
      <c r="N45" s="236"/>
      <c r="O45" s="236"/>
      <c r="P45" s="236"/>
      <c r="Q45" s="236"/>
      <c r="R45" s="236"/>
      <c r="S45" s="236"/>
      <c r="W45" s="236"/>
      <c r="X45" s="236"/>
      <c r="Y45" s="236"/>
    </row>
    <row r="47" spans="2:25" s="232" customFormat="1">
      <c r="B47" s="312"/>
      <c r="C47" s="312"/>
      <c r="D47" s="234"/>
      <c r="E47" s="234"/>
      <c r="F47" s="234"/>
      <c r="G47" s="234"/>
      <c r="H47" s="235" t="s">
        <v>392</v>
      </c>
      <c r="I47" s="234"/>
      <c r="J47" s="234"/>
      <c r="K47" s="234"/>
      <c r="L47" s="234"/>
      <c r="M47" s="234"/>
      <c r="N47" s="234"/>
      <c r="O47" s="234"/>
      <c r="P47" s="234"/>
      <c r="Q47" s="234"/>
      <c r="R47" s="234"/>
      <c r="S47" s="234"/>
      <c r="T47" s="234"/>
      <c r="U47" s="233"/>
    </row>
  </sheetData>
  <mergeCells count="67">
    <mergeCell ref="X3:Y3"/>
    <mergeCell ref="X4:Y4"/>
    <mergeCell ref="T33:T37"/>
    <mergeCell ref="U33:U37"/>
    <mergeCell ref="S28:S32"/>
    <mergeCell ref="S13:S17"/>
    <mergeCell ref="S23:S27"/>
    <mergeCell ref="S18:S22"/>
    <mergeCell ref="S33:S37"/>
    <mergeCell ref="U23:U27"/>
    <mergeCell ref="U28:U32"/>
    <mergeCell ref="U13:U17"/>
    <mergeCell ref="T18:T22"/>
    <mergeCell ref="U18:U22"/>
    <mergeCell ref="T23:T27"/>
    <mergeCell ref="T13:T17"/>
    <mergeCell ref="T28:T32"/>
    <mergeCell ref="U38:U42"/>
    <mergeCell ref="E38:E42"/>
    <mergeCell ref="F38:F42"/>
    <mergeCell ref="G38:G42"/>
    <mergeCell ref="S38:S42"/>
    <mergeCell ref="T38:T42"/>
    <mergeCell ref="AB2:AB4"/>
    <mergeCell ref="U11:U12"/>
    <mergeCell ref="E11:E12"/>
    <mergeCell ref="B13:B17"/>
    <mergeCell ref="D13:D17"/>
    <mergeCell ref="E13:E17"/>
    <mergeCell ref="B9:C9"/>
    <mergeCell ref="D9:F9"/>
    <mergeCell ref="H11:H12"/>
    <mergeCell ref="S11:S12"/>
    <mergeCell ref="I11:R11"/>
    <mergeCell ref="F11:F12"/>
    <mergeCell ref="G11:G12"/>
    <mergeCell ref="T11:T12"/>
    <mergeCell ref="G13:G17"/>
    <mergeCell ref="X2:Y2"/>
    <mergeCell ref="E18:E22"/>
    <mergeCell ref="G18:G22"/>
    <mergeCell ref="F13:F17"/>
    <mergeCell ref="F18:F22"/>
    <mergeCell ref="C13:C42"/>
    <mergeCell ref="F23:F27"/>
    <mergeCell ref="G23:G27"/>
    <mergeCell ref="E28:E32"/>
    <mergeCell ref="E23:E27"/>
    <mergeCell ref="G28:G32"/>
    <mergeCell ref="F28:F32"/>
    <mergeCell ref="E33:E37"/>
    <mergeCell ref="G33:G37"/>
    <mergeCell ref="F33:F37"/>
    <mergeCell ref="B47:C47"/>
    <mergeCell ref="B11:B12"/>
    <mergeCell ref="C11:C12"/>
    <mergeCell ref="D11:D12"/>
    <mergeCell ref="B23:B27"/>
    <mergeCell ref="D23:D27"/>
    <mergeCell ref="D28:D32"/>
    <mergeCell ref="B18:B22"/>
    <mergeCell ref="D18:D22"/>
    <mergeCell ref="B38:B42"/>
    <mergeCell ref="D38:D42"/>
    <mergeCell ref="B33:B37"/>
    <mergeCell ref="D33:D37"/>
    <mergeCell ref="B28:B32"/>
  </mergeCells>
  <phoneticPr fontId="7"/>
  <conditionalFormatting sqref="T13:T42">
    <cfRule type="cellIs" dxfId="0" priority="1" stopIfTrue="1" operator="equal">
      <formula>"N"</formula>
    </cfRule>
  </conditionalFormatting>
  <dataValidations count="1">
    <dataValidation type="list" allowBlank="1" showInputMessage="1" showErrorMessage="1" prompt="RoHS compliant：Y_x000a_RoHS not compliant：N" sqref="T13:T42">
      <formula1>"Y,N"</formula1>
    </dataValidation>
  </dataValidations>
  <pageMargins left="0.19685039370078741" right="0.19685039370078741" top="0.74803149606299213" bottom="0.39370078740157483" header="0.31496062992125984" footer="0.19685039370078741"/>
  <pageSetup paperSize="9" scale="80" orientation="landscape" r:id="rId1"/>
  <headerFooter>
    <oddFooter>&amp;LCommunication&amp;RV.10.0 (revised on Jun. 2018).</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R35"/>
  <sheetViews>
    <sheetView view="pageBreakPreview" zoomScaleNormal="100" zoomScaleSheetLayoutView="100" workbookViewId="0">
      <selection activeCell="T1" sqref="T1"/>
    </sheetView>
  </sheetViews>
  <sheetFormatPr defaultRowHeight="14.25"/>
  <cols>
    <col min="1" max="2" width="11.85546875" style="232" customWidth="1"/>
    <col min="3" max="3" width="13.42578125" style="232" customWidth="1"/>
    <col min="4" max="4" width="11.85546875" style="232" customWidth="1"/>
    <col min="5" max="5" width="12.28515625" style="232" customWidth="1"/>
    <col min="6" max="16" width="11.85546875" style="232" customWidth="1"/>
    <col min="17" max="16384" width="9.140625" style="232"/>
  </cols>
  <sheetData>
    <row r="1" spans="1:18" ht="75" customHeight="1">
      <c r="A1" s="273" t="s">
        <v>427</v>
      </c>
      <c r="N1" s="272"/>
      <c r="O1" s="271"/>
      <c r="P1" s="271"/>
      <c r="R1" s="271"/>
    </row>
    <row r="16" spans="1:18" ht="32.25" customHeight="1"/>
    <row r="17" spans="2:17" ht="1.5" customHeight="1"/>
    <row r="18" spans="2:17" ht="36" customHeight="1"/>
    <row r="19" spans="2:17" s="269" customFormat="1" ht="71.25" customHeight="1"/>
    <row r="20" spans="2:17" s="269" customFormat="1" ht="15.75" customHeight="1">
      <c r="Q20" s="270"/>
    </row>
    <row r="21" spans="2:17" s="269" customFormat="1" ht="15.75" customHeight="1">
      <c r="Q21" s="270"/>
    </row>
    <row r="22" spans="2:17" s="269" customFormat="1" ht="15.75" customHeight="1"/>
    <row r="23" spans="2:17" s="269" customFormat="1" ht="15.75" customHeight="1"/>
    <row r="24" spans="2:17" s="269" customFormat="1" ht="15.75" customHeight="1"/>
    <row r="25" spans="2:17" s="269" customFormat="1" ht="15.75" customHeight="1"/>
    <row r="26" spans="2:17" s="269" customFormat="1" ht="15.75" customHeight="1"/>
    <row r="27" spans="2:17" s="269" customFormat="1" ht="15.75" customHeight="1"/>
    <row r="28" spans="2:17" s="261" customFormat="1" ht="13.5" customHeight="1">
      <c r="B28" s="268"/>
      <c r="C28" s="268"/>
      <c r="D28" s="262"/>
      <c r="E28" s="262"/>
      <c r="F28" s="262"/>
      <c r="G28" s="262"/>
      <c r="H28" s="262"/>
      <c r="I28" s="262"/>
      <c r="J28" s="262"/>
      <c r="K28" s="262"/>
      <c r="L28" s="262"/>
      <c r="M28" s="262"/>
      <c r="N28" s="262"/>
      <c r="O28" s="262"/>
    </row>
    <row r="29" spans="2:17">
      <c r="B29" s="267" t="s">
        <v>439</v>
      </c>
      <c r="C29" s="266"/>
      <c r="D29" s="265"/>
      <c r="E29" s="265"/>
      <c r="F29" s="265"/>
      <c r="G29" s="266"/>
      <c r="H29" s="266"/>
      <c r="I29" s="266"/>
      <c r="J29" s="266"/>
      <c r="K29" s="265"/>
      <c r="L29" s="265"/>
      <c r="M29" s="265"/>
      <c r="N29" s="265"/>
      <c r="O29" s="265"/>
    </row>
    <row r="30" spans="2:17">
      <c r="B30" s="267"/>
      <c r="C30" s="232" t="s">
        <v>391</v>
      </c>
      <c r="D30" s="265"/>
      <c r="E30" s="265"/>
      <c r="F30" s="265"/>
      <c r="G30" s="266"/>
      <c r="H30" s="266"/>
      <c r="I30" s="266"/>
      <c r="J30" s="266"/>
      <c r="K30" s="265"/>
      <c r="L30" s="265"/>
      <c r="M30" s="265"/>
      <c r="N30" s="265"/>
      <c r="O30" s="265"/>
    </row>
    <row r="31" spans="2:17" s="261" customFormat="1">
      <c r="B31" s="267" t="s">
        <v>438</v>
      </c>
      <c r="D31" s="262"/>
      <c r="E31" s="262"/>
      <c r="F31" s="262"/>
      <c r="G31" s="263"/>
      <c r="H31" s="263"/>
      <c r="I31" s="263"/>
      <c r="J31" s="263"/>
      <c r="K31" s="262"/>
      <c r="L31" s="262"/>
      <c r="M31" s="262"/>
      <c r="N31" s="262"/>
      <c r="O31" s="262"/>
    </row>
    <row r="32" spans="2:17" s="261" customFormat="1" ht="12">
      <c r="B32" s="264"/>
      <c r="D32" s="262"/>
      <c r="E32" s="262"/>
      <c r="F32" s="262"/>
      <c r="G32" s="263"/>
      <c r="H32" s="263"/>
      <c r="I32" s="263"/>
      <c r="J32" s="263"/>
      <c r="K32" s="262"/>
      <c r="L32" s="262"/>
      <c r="M32" s="262"/>
      <c r="N32" s="262"/>
      <c r="O32" s="262"/>
    </row>
    <row r="33" spans="2:18" s="261" customFormat="1" ht="12">
      <c r="B33" s="264"/>
      <c r="D33" s="262"/>
      <c r="E33" s="262"/>
      <c r="F33" s="262"/>
      <c r="G33" s="263"/>
      <c r="H33" s="263"/>
      <c r="I33" s="263"/>
      <c r="J33" s="263"/>
      <c r="K33" s="262"/>
      <c r="L33" s="262"/>
      <c r="M33" s="262"/>
      <c r="N33" s="262"/>
      <c r="O33" s="262"/>
    </row>
    <row r="34" spans="2:18" s="261" customFormat="1" ht="13.5" customHeight="1">
      <c r="B34" s="264"/>
      <c r="C34" s="264"/>
      <c r="D34" s="263"/>
      <c r="E34" s="263"/>
      <c r="F34" s="263"/>
      <c r="G34" s="262"/>
      <c r="H34" s="262"/>
      <c r="I34" s="262"/>
      <c r="J34" s="262"/>
      <c r="K34" s="262"/>
      <c r="L34" s="262"/>
      <c r="M34" s="262"/>
      <c r="N34" s="262"/>
      <c r="O34" s="262"/>
    </row>
    <row r="35" spans="2:18">
      <c r="B35" s="234"/>
      <c r="C35" s="234"/>
      <c r="D35" s="234"/>
      <c r="E35" s="234"/>
      <c r="F35" s="234"/>
      <c r="G35" s="234"/>
      <c r="I35" s="234"/>
      <c r="J35" s="234"/>
      <c r="K35" s="234"/>
      <c r="L35" s="234"/>
      <c r="M35" s="234"/>
      <c r="N35" s="234"/>
      <c r="P35" s="234"/>
      <c r="Q35" s="233"/>
      <c r="R35" s="234"/>
    </row>
  </sheetData>
  <sheetProtection password="E0C6" sheet="1" objects="1" scenarios="1"/>
  <phoneticPr fontId="7"/>
  <pageMargins left="0.70866141732283472" right="0.70866141732283472" top="0.74803149606299213" bottom="0.51181102362204722" header="0.31496062992125984" footer="0.31496062992125984"/>
  <pageSetup paperSize="9" scale="66" orientation="landscape" r:id="rId1"/>
  <headerFooter>
    <oddFooter>&amp;LCommunication&amp;RV.10.0 (revised on Jun. 2018).</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67"/>
  <sheetViews>
    <sheetView showGridLines="0" view="pageBreakPreview" zoomScaleNormal="85" zoomScaleSheetLayoutView="100" workbookViewId="0">
      <selection activeCell="F1" sqref="F1"/>
    </sheetView>
  </sheetViews>
  <sheetFormatPr defaultColWidth="1.5703125" defaultRowHeight="12.75"/>
  <cols>
    <col min="1" max="1" width="4.140625" style="4" customWidth="1"/>
    <col min="2" max="2" width="4.7109375" style="4" bestFit="1" customWidth="1"/>
    <col min="3" max="3" width="33.42578125" style="4" customWidth="1"/>
    <col min="4" max="4" width="35.28515625" style="4" customWidth="1"/>
    <col min="5" max="5" width="38.85546875" style="4" customWidth="1"/>
    <col min="6" max="16384" width="1.5703125" style="4"/>
  </cols>
  <sheetData>
    <row r="1" spans="1:5">
      <c r="A1" s="11"/>
      <c r="B1" s="75"/>
      <c r="C1" s="75"/>
      <c r="D1" s="75"/>
      <c r="E1" s="83" t="s">
        <v>193</v>
      </c>
    </row>
    <row r="2" spans="1:5" ht="15.75">
      <c r="A2" s="30" t="s">
        <v>393</v>
      </c>
      <c r="B2" s="75"/>
      <c r="C2" s="75"/>
      <c r="D2" s="75"/>
      <c r="E2" s="11"/>
    </row>
    <row r="3" spans="1:5">
      <c r="A3" s="11"/>
      <c r="B3" s="75"/>
      <c r="C3" s="75"/>
      <c r="D3" s="75"/>
      <c r="E3" s="11"/>
    </row>
    <row r="4" spans="1:5">
      <c r="A4" s="347" t="s">
        <v>394</v>
      </c>
      <c r="B4" s="347"/>
      <c r="C4" s="347"/>
      <c r="D4" s="347"/>
      <c r="E4" s="347"/>
    </row>
    <row r="5" spans="1:5">
      <c r="A5" s="347"/>
      <c r="B5" s="347"/>
      <c r="C5" s="347"/>
      <c r="D5" s="347"/>
      <c r="E5" s="347"/>
    </row>
    <row r="6" spans="1:5">
      <c r="A6" s="11"/>
      <c r="B6" s="75"/>
      <c r="C6" s="75"/>
      <c r="D6" s="75"/>
      <c r="E6" s="11"/>
    </row>
    <row r="7" spans="1:5">
      <c r="A7" s="11" t="s">
        <v>192</v>
      </c>
      <c r="B7" s="75"/>
      <c r="C7" s="75"/>
      <c r="D7" s="75"/>
      <c r="E7" s="11"/>
    </row>
    <row r="8" spans="1:5">
      <c r="A8" s="277"/>
      <c r="B8" s="348" t="s">
        <v>292</v>
      </c>
      <c r="C8" s="74" t="s">
        <v>374</v>
      </c>
      <c r="D8" s="91" t="s">
        <v>375</v>
      </c>
      <c r="E8" s="73"/>
    </row>
    <row r="9" spans="1:5" ht="13.5" thickBot="1">
      <c r="A9" s="76"/>
      <c r="B9" s="349"/>
      <c r="C9" s="77" t="s">
        <v>126</v>
      </c>
      <c r="D9" s="78" t="s">
        <v>126</v>
      </c>
      <c r="E9" s="77" t="s">
        <v>194</v>
      </c>
    </row>
    <row r="10" spans="1:5" ht="13.5" thickTop="1">
      <c r="A10" s="79" t="s">
        <v>187</v>
      </c>
      <c r="B10" s="80"/>
      <c r="C10" s="80"/>
      <c r="D10" s="80"/>
      <c r="E10" s="81"/>
    </row>
    <row r="11" spans="1:5" ht="12.75" customHeight="1">
      <c r="A11" s="69"/>
      <c r="B11" s="278">
        <v>1</v>
      </c>
      <c r="C11" s="84" t="s">
        <v>437</v>
      </c>
      <c r="D11" s="92" t="s">
        <v>189</v>
      </c>
      <c r="E11" s="92"/>
    </row>
    <row r="12" spans="1:5">
      <c r="A12" s="69"/>
      <c r="B12" s="145">
        <v>2</v>
      </c>
      <c r="C12" s="85" t="s">
        <v>55</v>
      </c>
      <c r="D12" s="92" t="s">
        <v>189</v>
      </c>
      <c r="E12" s="92"/>
    </row>
    <row r="13" spans="1:5" ht="25.5">
      <c r="A13" s="69"/>
      <c r="B13" s="93">
        <v>3</v>
      </c>
      <c r="C13" s="86" t="s">
        <v>57</v>
      </c>
      <c r="D13" s="92" t="s">
        <v>189</v>
      </c>
      <c r="E13" s="92"/>
    </row>
    <row r="14" spans="1:5" ht="12.75" customHeight="1">
      <c r="A14" s="69"/>
      <c r="B14" s="93">
        <v>4</v>
      </c>
      <c r="C14" s="86" t="s">
        <v>48</v>
      </c>
      <c r="D14" s="92" t="s">
        <v>189</v>
      </c>
      <c r="E14" s="92"/>
    </row>
    <row r="15" spans="1:5" ht="38.25">
      <c r="A15" s="70"/>
      <c r="B15" s="144">
        <v>5</v>
      </c>
      <c r="C15" s="154" t="s">
        <v>58</v>
      </c>
      <c r="D15" s="144" t="s">
        <v>189</v>
      </c>
      <c r="E15" s="144"/>
    </row>
    <row r="16" spans="1:5">
      <c r="A16" s="79" t="s">
        <v>186</v>
      </c>
      <c r="B16" s="87"/>
      <c r="C16" s="87"/>
      <c r="D16" s="87"/>
      <c r="E16" s="149"/>
    </row>
    <row r="17" spans="1:5" ht="54.75" customHeight="1">
      <c r="A17" s="69"/>
      <c r="B17" s="92">
        <v>1</v>
      </c>
      <c r="C17" s="84" t="s">
        <v>436</v>
      </c>
      <c r="D17" s="92" t="s">
        <v>189</v>
      </c>
      <c r="E17" s="84" t="s">
        <v>376</v>
      </c>
    </row>
    <row r="18" spans="1:5" ht="54.75" customHeight="1">
      <c r="A18" s="69"/>
      <c r="B18" s="92">
        <v>2</v>
      </c>
      <c r="C18" s="86" t="s">
        <v>435</v>
      </c>
      <c r="D18" s="92" t="s">
        <v>432</v>
      </c>
      <c r="E18" s="84" t="s">
        <v>376</v>
      </c>
    </row>
    <row r="19" spans="1:5" ht="18.75" customHeight="1">
      <c r="A19" s="70"/>
      <c r="B19" s="94">
        <v>3</v>
      </c>
      <c r="C19" s="88" t="s">
        <v>434</v>
      </c>
      <c r="D19" s="94" t="s">
        <v>189</v>
      </c>
      <c r="E19" s="94"/>
    </row>
    <row r="20" spans="1:5">
      <c r="A20" s="79" t="s">
        <v>433</v>
      </c>
      <c r="B20" s="87"/>
      <c r="C20" s="87"/>
      <c r="D20" s="87"/>
      <c r="E20" s="149"/>
    </row>
    <row r="21" spans="1:5">
      <c r="A21" s="69"/>
      <c r="B21" s="92">
        <v>1</v>
      </c>
      <c r="C21" s="84" t="s">
        <v>64</v>
      </c>
      <c r="D21" s="92" t="s">
        <v>189</v>
      </c>
      <c r="E21" s="92"/>
    </row>
    <row r="22" spans="1:5" ht="25.5">
      <c r="A22" s="69"/>
      <c r="B22" s="146">
        <v>2</v>
      </c>
      <c r="C22" s="86" t="s">
        <v>66</v>
      </c>
      <c r="D22" s="92" t="s">
        <v>189</v>
      </c>
      <c r="E22" s="92"/>
    </row>
    <row r="23" spans="1:5" ht="25.5">
      <c r="A23" s="69"/>
      <c r="B23" s="146">
        <v>3</v>
      </c>
      <c r="C23" s="86" t="s">
        <v>52</v>
      </c>
      <c r="D23" s="92" t="s">
        <v>189</v>
      </c>
      <c r="E23" s="92"/>
    </row>
    <row r="24" spans="1:5">
      <c r="A24" s="69"/>
      <c r="B24" s="146">
        <v>4</v>
      </c>
      <c r="C24" s="86" t="s">
        <v>185</v>
      </c>
      <c r="D24" s="92" t="s">
        <v>189</v>
      </c>
      <c r="E24" s="92"/>
    </row>
    <row r="25" spans="1:5">
      <c r="A25" s="69"/>
      <c r="B25" s="146">
        <v>5</v>
      </c>
      <c r="C25" s="86" t="s">
        <v>68</v>
      </c>
      <c r="D25" s="92" t="s">
        <v>189</v>
      </c>
      <c r="E25" s="92"/>
    </row>
    <row r="26" spans="1:5">
      <c r="A26" s="69"/>
      <c r="B26" s="146">
        <v>6</v>
      </c>
      <c r="C26" s="86" t="s">
        <v>70</v>
      </c>
      <c r="D26" s="95" t="s">
        <v>432</v>
      </c>
      <c r="E26" s="95"/>
    </row>
    <row r="27" spans="1:5">
      <c r="A27" s="69"/>
      <c r="B27" s="146">
        <v>7</v>
      </c>
      <c r="C27" s="86" t="s">
        <v>71</v>
      </c>
      <c r="D27" s="95" t="s">
        <v>189</v>
      </c>
      <c r="E27" s="95"/>
    </row>
    <row r="28" spans="1:5" ht="25.5">
      <c r="A28" s="69"/>
      <c r="B28" s="146">
        <v>8</v>
      </c>
      <c r="C28" s="82" t="s">
        <v>184</v>
      </c>
      <c r="D28" s="95" t="s">
        <v>189</v>
      </c>
      <c r="E28" s="95"/>
    </row>
    <row r="29" spans="1:5">
      <c r="A29" s="69"/>
      <c r="B29" s="146">
        <v>9</v>
      </c>
      <c r="C29" s="82" t="s">
        <v>104</v>
      </c>
      <c r="D29" s="95" t="s">
        <v>189</v>
      </c>
      <c r="E29" s="191"/>
    </row>
    <row r="30" spans="1:5">
      <c r="A30" s="69"/>
      <c r="B30" s="146">
        <v>10</v>
      </c>
      <c r="C30" s="82" t="s">
        <v>73</v>
      </c>
      <c r="D30" s="95" t="s">
        <v>189</v>
      </c>
      <c r="E30" s="95"/>
    </row>
    <row r="31" spans="1:5">
      <c r="A31" s="69"/>
      <c r="B31" s="146">
        <v>11</v>
      </c>
      <c r="C31" s="82" t="s">
        <v>74</v>
      </c>
      <c r="D31" s="95" t="s">
        <v>189</v>
      </c>
      <c r="E31" s="95"/>
    </row>
    <row r="32" spans="1:5" ht="25.5">
      <c r="A32" s="69"/>
      <c r="B32" s="146">
        <v>12</v>
      </c>
      <c r="C32" s="82" t="s">
        <v>76</v>
      </c>
      <c r="D32" s="95" t="s">
        <v>189</v>
      </c>
      <c r="E32" s="95"/>
    </row>
    <row r="33" spans="1:5" ht="25.5">
      <c r="A33" s="69"/>
      <c r="B33" s="146">
        <v>13</v>
      </c>
      <c r="C33" s="86" t="s">
        <v>77</v>
      </c>
      <c r="D33" s="92" t="s">
        <v>189</v>
      </c>
      <c r="E33" s="92"/>
    </row>
    <row r="34" spans="1:5">
      <c r="A34" s="70"/>
      <c r="B34" s="94">
        <v>14</v>
      </c>
      <c r="C34" s="88" t="s">
        <v>78</v>
      </c>
      <c r="D34" s="94" t="s">
        <v>293</v>
      </c>
      <c r="E34" s="94"/>
    </row>
    <row r="35" spans="1:5">
      <c r="A35" s="79" t="s">
        <v>183</v>
      </c>
      <c r="B35" s="87"/>
      <c r="C35" s="87"/>
      <c r="D35" s="87"/>
      <c r="E35" s="149"/>
    </row>
    <row r="36" spans="1:5">
      <c r="A36" s="69"/>
      <c r="B36" s="151">
        <v>1</v>
      </c>
      <c r="C36" s="152" t="s">
        <v>5</v>
      </c>
      <c r="D36" s="153" t="s">
        <v>432</v>
      </c>
      <c r="E36" s="153"/>
    </row>
    <row r="37" spans="1:5">
      <c r="A37" s="69"/>
      <c r="B37" s="147">
        <v>2</v>
      </c>
      <c r="C37" s="86" t="s">
        <v>6</v>
      </c>
      <c r="D37" s="92" t="s">
        <v>432</v>
      </c>
      <c r="E37" s="92"/>
    </row>
    <row r="38" spans="1:5">
      <c r="A38" s="69"/>
      <c r="B38" s="147">
        <v>3</v>
      </c>
      <c r="C38" s="86" t="s">
        <v>7</v>
      </c>
      <c r="D38" s="92" t="s">
        <v>189</v>
      </c>
      <c r="E38" s="92"/>
    </row>
    <row r="39" spans="1:5">
      <c r="A39" s="69"/>
      <c r="B39" s="147">
        <v>4</v>
      </c>
      <c r="C39" s="86" t="s">
        <v>191</v>
      </c>
      <c r="D39" s="92" t="s">
        <v>189</v>
      </c>
      <c r="E39" s="92"/>
    </row>
    <row r="40" spans="1:5">
      <c r="A40" s="69"/>
      <c r="B40" s="147">
        <v>5</v>
      </c>
      <c r="C40" s="86" t="s">
        <v>8</v>
      </c>
      <c r="D40" s="92" t="s">
        <v>189</v>
      </c>
      <c r="E40" s="92"/>
    </row>
    <row r="41" spans="1:5">
      <c r="A41" s="69"/>
      <c r="B41" s="147">
        <v>6</v>
      </c>
      <c r="C41" s="86" t="s">
        <v>431</v>
      </c>
      <c r="D41" s="92" t="s">
        <v>189</v>
      </c>
      <c r="E41" s="92"/>
    </row>
    <row r="42" spans="1:5" ht="25.5">
      <c r="A42" s="69"/>
      <c r="B42" s="147">
        <v>7</v>
      </c>
      <c r="C42" s="86" t="s">
        <v>9</v>
      </c>
      <c r="D42" s="92" t="s">
        <v>189</v>
      </c>
      <c r="E42" s="92"/>
    </row>
    <row r="43" spans="1:5">
      <c r="A43" s="69"/>
      <c r="B43" s="147">
        <v>8</v>
      </c>
      <c r="C43" s="86" t="s">
        <v>10</v>
      </c>
      <c r="D43" s="92" t="s">
        <v>189</v>
      </c>
      <c r="E43" s="92"/>
    </row>
    <row r="44" spans="1:5">
      <c r="A44" s="69"/>
      <c r="B44" s="147">
        <v>9</v>
      </c>
      <c r="C44" s="82" t="s">
        <v>11</v>
      </c>
      <c r="D44" s="92" t="s">
        <v>189</v>
      </c>
      <c r="E44" s="92"/>
    </row>
    <row r="45" spans="1:5">
      <c r="A45" s="69"/>
      <c r="B45" s="147">
        <v>10</v>
      </c>
      <c r="C45" s="192" t="s">
        <v>12</v>
      </c>
      <c r="D45" s="92" t="s">
        <v>189</v>
      </c>
      <c r="E45" s="191"/>
    </row>
    <row r="46" spans="1:5">
      <c r="A46" s="69"/>
      <c r="B46" s="147">
        <v>11</v>
      </c>
      <c r="C46" s="192" t="s">
        <v>13</v>
      </c>
      <c r="D46" s="193" t="s">
        <v>189</v>
      </c>
      <c r="E46" s="193"/>
    </row>
    <row r="47" spans="1:5">
      <c r="A47" s="69"/>
      <c r="B47" s="147">
        <v>12</v>
      </c>
      <c r="C47" s="192" t="s">
        <v>190</v>
      </c>
      <c r="D47" s="193" t="s">
        <v>189</v>
      </c>
      <c r="E47" s="193"/>
    </row>
    <row r="48" spans="1:5" ht="38.25">
      <c r="A48" s="69"/>
      <c r="B48" s="147">
        <v>13</v>
      </c>
      <c r="C48" s="192" t="s">
        <v>430</v>
      </c>
      <c r="D48" s="193" t="s">
        <v>189</v>
      </c>
      <c r="E48" s="193"/>
    </row>
    <row r="49" spans="1:5">
      <c r="A49" s="69"/>
      <c r="B49" s="147">
        <v>14</v>
      </c>
      <c r="C49" s="192" t="s">
        <v>14</v>
      </c>
      <c r="D49" s="193" t="s">
        <v>189</v>
      </c>
      <c r="E49" s="193"/>
    </row>
    <row r="50" spans="1:5" ht="25.5">
      <c r="A50" s="69"/>
      <c r="B50" s="147">
        <v>15</v>
      </c>
      <c r="C50" s="192" t="s">
        <v>188</v>
      </c>
      <c r="D50" s="193" t="s">
        <v>189</v>
      </c>
      <c r="E50" s="193"/>
    </row>
    <row r="51" spans="1:5">
      <c r="A51" s="69"/>
      <c r="B51" s="147">
        <v>16</v>
      </c>
      <c r="C51" s="194" t="s">
        <v>15</v>
      </c>
      <c r="D51" s="193" t="s">
        <v>189</v>
      </c>
      <c r="E51" s="193"/>
    </row>
    <row r="52" spans="1:5">
      <c r="A52" s="69"/>
      <c r="B52" s="147">
        <v>17</v>
      </c>
      <c r="C52" s="192" t="s">
        <v>350</v>
      </c>
      <c r="D52" s="193" t="s">
        <v>189</v>
      </c>
      <c r="E52" s="193"/>
    </row>
    <row r="53" spans="1:5" ht="25.5">
      <c r="A53" s="69"/>
      <c r="B53" s="147">
        <v>18</v>
      </c>
      <c r="C53" s="194" t="s">
        <v>357</v>
      </c>
      <c r="D53" s="193" t="s">
        <v>189</v>
      </c>
      <c r="E53" s="193"/>
    </row>
    <row r="54" spans="1:5" ht="25.5">
      <c r="A54" s="69"/>
      <c r="B54" s="147">
        <v>19</v>
      </c>
      <c r="C54" s="194" t="s">
        <v>358</v>
      </c>
      <c r="D54" s="193" t="s">
        <v>189</v>
      </c>
      <c r="E54" s="193"/>
    </row>
    <row r="55" spans="1:5" ht="25.5">
      <c r="A55" s="69"/>
      <c r="B55" s="147">
        <v>20</v>
      </c>
      <c r="C55" s="194" t="s">
        <v>111</v>
      </c>
      <c r="D55" s="193" t="s">
        <v>189</v>
      </c>
      <c r="E55" s="193"/>
    </row>
    <row r="56" spans="1:5" ht="51" customHeight="1">
      <c r="A56" s="69"/>
      <c r="B56" s="147">
        <v>21</v>
      </c>
      <c r="C56" s="194" t="s">
        <v>294</v>
      </c>
      <c r="D56" s="193" t="s">
        <v>377</v>
      </c>
      <c r="E56" s="230" t="s">
        <v>378</v>
      </c>
    </row>
    <row r="57" spans="1:5">
      <c r="A57" s="70"/>
      <c r="B57" s="148">
        <v>22</v>
      </c>
      <c r="C57" s="219" t="s">
        <v>288</v>
      </c>
      <c r="D57" s="229" t="s">
        <v>293</v>
      </c>
      <c r="E57" s="196"/>
    </row>
    <row r="58" spans="1:5">
      <c r="A58" s="79" t="s">
        <v>429</v>
      </c>
      <c r="B58" s="87"/>
      <c r="C58" s="87"/>
      <c r="D58" s="87"/>
      <c r="E58" s="149"/>
    </row>
    <row r="59" spans="1:5">
      <c r="A59" s="70"/>
      <c r="B59" s="96">
        <v>1</v>
      </c>
      <c r="C59" s="89" t="s">
        <v>83</v>
      </c>
      <c r="D59" s="96" t="s">
        <v>189</v>
      </c>
      <c r="E59" s="149"/>
    </row>
    <row r="60" spans="1:5">
      <c r="B60" s="90"/>
      <c r="C60" s="90"/>
      <c r="D60" s="90"/>
      <c r="E60" s="150"/>
    </row>
    <row r="61" spans="1:5" s="90" customFormat="1">
      <c r="A61" s="90" t="s">
        <v>395</v>
      </c>
      <c r="B61" s="274"/>
    </row>
    <row r="62" spans="1:5" s="90" customFormat="1">
      <c r="B62" s="275" t="s">
        <v>397</v>
      </c>
    </row>
    <row r="63" spans="1:5" s="90" customFormat="1">
      <c r="B63" s="274"/>
    </row>
    <row r="64" spans="1:5" s="90" customFormat="1">
      <c r="A64" s="90" t="s">
        <v>396</v>
      </c>
      <c r="B64" s="274"/>
    </row>
    <row r="65" spans="2:2" s="90" customFormat="1">
      <c r="B65" s="90" t="s">
        <v>428</v>
      </c>
    </row>
    <row r="66" spans="2:2" s="90" customFormat="1">
      <c r="B66" s="275" t="s">
        <v>399</v>
      </c>
    </row>
    <row r="67" spans="2:2" s="90" customFormat="1">
      <c r="B67" s="275" t="s">
        <v>400</v>
      </c>
    </row>
  </sheetData>
  <sheetProtection password="E0C6" sheet="1" objects="1" scenarios="1"/>
  <mergeCells count="2">
    <mergeCell ref="A4:E5"/>
    <mergeCell ref="B8:B9"/>
  </mergeCells>
  <phoneticPr fontId="7"/>
  <printOptions horizontalCentered="1"/>
  <pageMargins left="0.78740157480314965" right="0.78740157480314965" top="0.98425196850393704" bottom="0.78740157480314965" header="0.31496062992125984" footer="0.31496062992125984"/>
  <pageSetup paperSize="9" scale="64"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58"/>
  <sheetViews>
    <sheetView showGridLines="0" view="pageBreakPreview" zoomScaleNormal="85" zoomScaleSheetLayoutView="100" workbookViewId="0">
      <selection activeCell="E1" sqref="E1"/>
    </sheetView>
  </sheetViews>
  <sheetFormatPr defaultColWidth="1.5703125" defaultRowHeight="12.75"/>
  <cols>
    <col min="1" max="2" width="4.140625" style="199" customWidth="1"/>
    <col min="3" max="4" width="48.28515625" style="199" customWidth="1"/>
    <col min="5" max="16384" width="1.5703125" style="199"/>
  </cols>
  <sheetData>
    <row r="1" spans="1:4">
      <c r="A1" s="197"/>
      <c r="B1" s="197"/>
      <c r="C1" s="198"/>
      <c r="D1" s="83" t="s">
        <v>193</v>
      </c>
    </row>
    <row r="2" spans="1:4" ht="15.75">
      <c r="A2" s="200" t="s">
        <v>325</v>
      </c>
      <c r="B2" s="201"/>
      <c r="C2" s="198"/>
      <c r="D2" s="197"/>
    </row>
    <row r="3" spans="1:4">
      <c r="A3" s="197"/>
      <c r="B3" s="197"/>
      <c r="C3" s="198"/>
      <c r="D3" s="197"/>
    </row>
    <row r="4" spans="1:4" ht="13.5" thickBot="1">
      <c r="A4" s="202"/>
      <c r="B4" s="203" t="s">
        <v>296</v>
      </c>
      <c r="C4" s="204" t="s">
        <v>126</v>
      </c>
      <c r="D4" s="203" t="s">
        <v>324</v>
      </c>
    </row>
    <row r="5" spans="1:4" s="209" customFormat="1" ht="13.5" thickTop="1">
      <c r="A5" s="205" t="s">
        <v>326</v>
      </c>
      <c r="B5" s="206"/>
      <c r="C5" s="207"/>
      <c r="D5" s="208"/>
    </row>
    <row r="6" spans="1:4" s="209" customFormat="1">
      <c r="A6" s="210"/>
      <c r="B6" s="211">
        <v>1</v>
      </c>
      <c r="C6" s="212" t="s">
        <v>327</v>
      </c>
      <c r="D6" s="213" t="s">
        <v>301</v>
      </c>
    </row>
    <row r="7" spans="1:4" s="209" customFormat="1">
      <c r="A7" s="210"/>
      <c r="B7" s="214">
        <v>2</v>
      </c>
      <c r="C7" s="215" t="s">
        <v>55</v>
      </c>
      <c r="D7" s="195" t="s">
        <v>301</v>
      </c>
    </row>
    <row r="8" spans="1:4" s="209" customFormat="1" ht="25.5">
      <c r="A8" s="210"/>
      <c r="B8" s="216">
        <v>3</v>
      </c>
      <c r="C8" s="194" t="s">
        <v>57</v>
      </c>
      <c r="D8" s="195" t="s">
        <v>302</v>
      </c>
    </row>
    <row r="9" spans="1:4" s="209" customFormat="1" ht="25.5">
      <c r="A9" s="210"/>
      <c r="B9" s="216">
        <v>4</v>
      </c>
      <c r="C9" s="194" t="s">
        <v>48</v>
      </c>
      <c r="D9" s="195" t="s">
        <v>315</v>
      </c>
    </row>
    <row r="10" spans="1:4" s="209" customFormat="1" ht="38.25">
      <c r="A10" s="217"/>
      <c r="B10" s="218">
        <v>5</v>
      </c>
      <c r="C10" s="219" t="s">
        <v>58</v>
      </c>
      <c r="D10" s="196" t="s">
        <v>316</v>
      </c>
    </row>
    <row r="11" spans="1:4" s="209" customFormat="1">
      <c r="A11" s="205" t="s">
        <v>328</v>
      </c>
      <c r="B11" s="220"/>
      <c r="C11" s="221"/>
      <c r="D11" s="222"/>
    </row>
    <row r="12" spans="1:4" s="209" customFormat="1">
      <c r="A12" s="210"/>
      <c r="B12" s="193">
        <v>1</v>
      </c>
      <c r="C12" s="212" t="s">
        <v>329</v>
      </c>
      <c r="D12" s="213" t="s">
        <v>301</v>
      </c>
    </row>
    <row r="13" spans="1:4" s="209" customFormat="1" ht="25.5">
      <c r="A13" s="210"/>
      <c r="B13" s="216">
        <v>2</v>
      </c>
      <c r="C13" s="194" t="s">
        <v>330</v>
      </c>
      <c r="D13" s="195" t="s">
        <v>303</v>
      </c>
    </row>
    <row r="14" spans="1:4" s="209" customFormat="1">
      <c r="A14" s="217"/>
      <c r="B14" s="218">
        <v>3</v>
      </c>
      <c r="C14" s="219" t="s">
        <v>331</v>
      </c>
      <c r="D14" s="196" t="s">
        <v>301</v>
      </c>
    </row>
    <row r="15" spans="1:4" s="209" customFormat="1">
      <c r="A15" s="205" t="s">
        <v>332</v>
      </c>
      <c r="B15" s="220"/>
      <c r="C15" s="221"/>
      <c r="D15" s="222"/>
    </row>
    <row r="16" spans="1:4" s="209" customFormat="1">
      <c r="A16" s="210"/>
      <c r="B16" s="193">
        <v>1</v>
      </c>
      <c r="C16" s="212" t="s">
        <v>64</v>
      </c>
      <c r="D16" s="212" t="s">
        <v>299</v>
      </c>
    </row>
    <row r="17" spans="1:4" s="209" customFormat="1">
      <c r="A17" s="210"/>
      <c r="B17" s="216">
        <v>2</v>
      </c>
      <c r="C17" s="194" t="s">
        <v>66</v>
      </c>
      <c r="D17" s="194" t="s">
        <v>304</v>
      </c>
    </row>
    <row r="18" spans="1:4" s="209" customFormat="1" ht="25.5">
      <c r="A18" s="210"/>
      <c r="B18" s="216">
        <v>3</v>
      </c>
      <c r="C18" s="194" t="s">
        <v>52</v>
      </c>
      <c r="D18" s="194" t="s">
        <v>305</v>
      </c>
    </row>
    <row r="19" spans="1:4" s="209" customFormat="1">
      <c r="A19" s="210"/>
      <c r="B19" s="216">
        <v>4</v>
      </c>
      <c r="C19" s="194" t="s">
        <v>195</v>
      </c>
      <c r="D19" s="194" t="s">
        <v>305</v>
      </c>
    </row>
    <row r="20" spans="1:4" s="209" customFormat="1" ht="25.5">
      <c r="A20" s="210"/>
      <c r="B20" s="216">
        <v>5</v>
      </c>
      <c r="C20" s="194" t="s">
        <v>68</v>
      </c>
      <c r="D20" s="194" t="s">
        <v>306</v>
      </c>
    </row>
    <row r="21" spans="1:4" s="209" customFormat="1" ht="25.5">
      <c r="A21" s="210"/>
      <c r="B21" s="216">
        <v>6</v>
      </c>
      <c r="C21" s="194" t="s">
        <v>70</v>
      </c>
      <c r="D21" s="194" t="s">
        <v>310</v>
      </c>
    </row>
    <row r="22" spans="1:4" s="209" customFormat="1">
      <c r="A22" s="210"/>
      <c r="B22" s="216">
        <v>7</v>
      </c>
      <c r="C22" s="194" t="s">
        <v>71</v>
      </c>
      <c r="D22" s="194" t="s">
        <v>297</v>
      </c>
    </row>
    <row r="23" spans="1:4" s="209" customFormat="1">
      <c r="A23" s="210"/>
      <c r="B23" s="216">
        <v>8</v>
      </c>
      <c r="C23" s="194" t="s">
        <v>197</v>
      </c>
      <c r="D23" s="194" t="s">
        <v>299</v>
      </c>
    </row>
    <row r="24" spans="1:4" s="209" customFormat="1">
      <c r="A24" s="210"/>
      <c r="B24" s="216">
        <v>9</v>
      </c>
      <c r="C24" s="194" t="s">
        <v>198</v>
      </c>
      <c r="D24" s="194" t="s">
        <v>307</v>
      </c>
    </row>
    <row r="25" spans="1:4" s="209" customFormat="1">
      <c r="A25" s="210"/>
      <c r="B25" s="216">
        <v>10</v>
      </c>
      <c r="C25" s="194" t="s">
        <v>73</v>
      </c>
      <c r="D25" s="194" t="s">
        <v>318</v>
      </c>
    </row>
    <row r="26" spans="1:4" s="209" customFormat="1">
      <c r="A26" s="210"/>
      <c r="B26" s="216">
        <v>11</v>
      </c>
      <c r="C26" s="194" t="s">
        <v>74</v>
      </c>
      <c r="D26" s="194" t="s">
        <v>297</v>
      </c>
    </row>
    <row r="27" spans="1:4" s="209" customFormat="1">
      <c r="A27" s="210"/>
      <c r="B27" s="216">
        <v>12</v>
      </c>
      <c r="C27" s="194" t="s">
        <v>76</v>
      </c>
      <c r="D27" s="194" t="s">
        <v>300</v>
      </c>
    </row>
    <row r="28" spans="1:4" s="209" customFormat="1">
      <c r="A28" s="210"/>
      <c r="B28" s="216">
        <v>13</v>
      </c>
      <c r="C28" s="194" t="s">
        <v>77</v>
      </c>
      <c r="D28" s="194" t="s">
        <v>300</v>
      </c>
    </row>
    <row r="29" spans="1:4" s="209" customFormat="1">
      <c r="A29" s="217"/>
      <c r="B29" s="218">
        <v>14</v>
      </c>
      <c r="C29" s="219" t="s">
        <v>78</v>
      </c>
      <c r="D29" s="219" t="s">
        <v>311</v>
      </c>
    </row>
    <row r="30" spans="1:4" s="209" customFormat="1">
      <c r="A30" s="205" t="s">
        <v>333</v>
      </c>
      <c r="B30" s="220"/>
      <c r="C30" s="221"/>
      <c r="D30" s="222"/>
    </row>
    <row r="31" spans="1:4" s="209" customFormat="1">
      <c r="A31" s="210"/>
      <c r="B31" s="193">
        <v>1</v>
      </c>
      <c r="C31" s="212" t="s">
        <v>5</v>
      </c>
      <c r="D31" s="212" t="s">
        <v>295</v>
      </c>
    </row>
    <row r="32" spans="1:4" s="209" customFormat="1">
      <c r="A32" s="210"/>
      <c r="B32" s="216">
        <v>2</v>
      </c>
      <c r="C32" s="194" t="s">
        <v>6</v>
      </c>
      <c r="D32" s="194" t="s">
        <v>298</v>
      </c>
    </row>
    <row r="33" spans="1:4" s="209" customFormat="1">
      <c r="A33" s="210"/>
      <c r="B33" s="216">
        <v>3</v>
      </c>
      <c r="C33" s="194" t="s">
        <v>7</v>
      </c>
      <c r="D33" s="194" t="s">
        <v>295</v>
      </c>
    </row>
    <row r="34" spans="1:4" s="209" customFormat="1">
      <c r="A34" s="210"/>
      <c r="B34" s="216">
        <v>4</v>
      </c>
      <c r="C34" s="194" t="s">
        <v>334</v>
      </c>
      <c r="D34" s="194" t="s">
        <v>308</v>
      </c>
    </row>
    <row r="35" spans="1:4" s="209" customFormat="1" ht="51">
      <c r="A35" s="210"/>
      <c r="B35" s="216">
        <v>5</v>
      </c>
      <c r="C35" s="194" t="s">
        <v>8</v>
      </c>
      <c r="D35" s="223" t="s">
        <v>309</v>
      </c>
    </row>
    <row r="36" spans="1:4" s="209" customFormat="1" ht="25.5">
      <c r="A36" s="210"/>
      <c r="B36" s="216">
        <v>6</v>
      </c>
      <c r="C36" s="194" t="s">
        <v>335</v>
      </c>
      <c r="D36" s="194" t="s">
        <v>312</v>
      </c>
    </row>
    <row r="37" spans="1:4" s="209" customFormat="1">
      <c r="A37" s="210"/>
      <c r="B37" s="216">
        <v>7</v>
      </c>
      <c r="C37" s="194" t="s">
        <v>9</v>
      </c>
      <c r="D37" s="194" t="s">
        <v>317</v>
      </c>
    </row>
    <row r="38" spans="1:4" s="209" customFormat="1" ht="25.5">
      <c r="A38" s="210"/>
      <c r="B38" s="216">
        <v>8</v>
      </c>
      <c r="C38" s="194" t="s">
        <v>10</v>
      </c>
      <c r="D38" s="194" t="s">
        <v>319</v>
      </c>
    </row>
    <row r="39" spans="1:4" s="209" customFormat="1">
      <c r="A39" s="210"/>
      <c r="B39" s="216">
        <v>9</v>
      </c>
      <c r="C39" s="194" t="s">
        <v>11</v>
      </c>
      <c r="D39" s="194" t="s">
        <v>321</v>
      </c>
    </row>
    <row r="40" spans="1:4" s="209" customFormat="1">
      <c r="A40" s="210"/>
      <c r="B40" s="216">
        <v>10</v>
      </c>
      <c r="C40" s="194" t="s">
        <v>12</v>
      </c>
      <c r="D40" s="194" t="s">
        <v>297</v>
      </c>
    </row>
    <row r="41" spans="1:4" s="209" customFormat="1">
      <c r="A41" s="210"/>
      <c r="B41" s="216">
        <v>11</v>
      </c>
      <c r="C41" s="194" t="s">
        <v>13</v>
      </c>
      <c r="D41" s="194" t="s">
        <v>300</v>
      </c>
    </row>
    <row r="42" spans="1:4" s="209" customFormat="1">
      <c r="A42" s="210"/>
      <c r="B42" s="216">
        <v>12</v>
      </c>
      <c r="C42" s="194" t="s">
        <v>4</v>
      </c>
      <c r="D42" s="194" t="s">
        <v>300</v>
      </c>
    </row>
    <row r="43" spans="1:4" s="209" customFormat="1" ht="25.5">
      <c r="A43" s="210"/>
      <c r="B43" s="216">
        <v>13</v>
      </c>
      <c r="C43" s="223" t="s">
        <v>174</v>
      </c>
      <c r="D43" s="194" t="s">
        <v>300</v>
      </c>
    </row>
    <row r="44" spans="1:4" s="209" customFormat="1">
      <c r="A44" s="210"/>
      <c r="B44" s="216">
        <v>14</v>
      </c>
      <c r="C44" s="194" t="s">
        <v>14</v>
      </c>
      <c r="D44" s="194" t="s">
        <v>297</v>
      </c>
    </row>
    <row r="45" spans="1:4" s="209" customFormat="1" ht="25.5">
      <c r="A45" s="210"/>
      <c r="B45" s="216">
        <v>15</v>
      </c>
      <c r="C45" s="223" t="s">
        <v>336</v>
      </c>
      <c r="D45" s="194" t="s">
        <v>320</v>
      </c>
    </row>
    <row r="46" spans="1:4" s="209" customFormat="1">
      <c r="A46" s="210"/>
      <c r="B46" s="216">
        <v>16</v>
      </c>
      <c r="C46" s="194" t="s">
        <v>15</v>
      </c>
      <c r="D46" s="194" t="s">
        <v>323</v>
      </c>
    </row>
    <row r="47" spans="1:4" s="209" customFormat="1">
      <c r="A47" s="210"/>
      <c r="B47" s="216">
        <v>17</v>
      </c>
      <c r="C47" s="194" t="s">
        <v>287</v>
      </c>
      <c r="D47" s="194" t="s">
        <v>313</v>
      </c>
    </row>
    <row r="48" spans="1:4" s="209" customFormat="1">
      <c r="A48" s="210"/>
      <c r="B48" s="216">
        <v>18</v>
      </c>
      <c r="C48" s="194" t="s">
        <v>337</v>
      </c>
      <c r="D48" s="194" t="s">
        <v>314</v>
      </c>
    </row>
    <row r="49" spans="1:4" s="209" customFormat="1">
      <c r="A49" s="210"/>
      <c r="B49" s="216">
        <v>19</v>
      </c>
      <c r="C49" s="194" t="s">
        <v>338</v>
      </c>
      <c r="D49" s="194" t="s">
        <v>314</v>
      </c>
    </row>
    <row r="50" spans="1:4" s="209" customFormat="1">
      <c r="A50" s="210"/>
      <c r="B50" s="216">
        <v>20</v>
      </c>
      <c r="C50" s="194" t="s">
        <v>178</v>
      </c>
      <c r="D50" s="194" t="s">
        <v>297</v>
      </c>
    </row>
    <row r="51" spans="1:4" s="209" customFormat="1">
      <c r="A51" s="217"/>
      <c r="B51" s="218">
        <v>21</v>
      </c>
      <c r="C51" s="224" t="s">
        <v>288</v>
      </c>
      <c r="D51" s="219" t="s">
        <v>323</v>
      </c>
    </row>
    <row r="52" spans="1:4" s="209" customFormat="1">
      <c r="A52" s="205" t="s">
        <v>339</v>
      </c>
      <c r="B52" s="220"/>
      <c r="C52" s="221"/>
      <c r="D52" s="222"/>
    </row>
    <row r="53" spans="1:4" s="209" customFormat="1">
      <c r="A53" s="217"/>
      <c r="B53" s="225">
        <v>1</v>
      </c>
      <c r="C53" s="222" t="s">
        <v>83</v>
      </c>
      <c r="D53" s="222" t="s">
        <v>322</v>
      </c>
    </row>
    <row r="54" spans="1:4" s="209" customFormat="1"/>
    <row r="55" spans="1:4" s="209" customFormat="1">
      <c r="A55" s="209" t="s">
        <v>340</v>
      </c>
    </row>
    <row r="56" spans="1:4" s="209" customFormat="1"/>
    <row r="57" spans="1:4" s="209" customFormat="1"/>
    <row r="58" spans="1:4" s="209" customFormat="1"/>
  </sheetData>
  <sheetProtection password="E0C6" sheet="1" objects="1" scenarios="1"/>
  <phoneticPr fontId="7"/>
  <printOptions horizontalCentered="1"/>
  <pageMargins left="0.78740157480314965" right="0.78740157480314965" top="0.98425196850393704" bottom="0.78740157480314965" header="0.31496062992125984" footer="0.31496062992125984"/>
  <pageSetup paperSize="9" scale="8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11</vt:i4>
      </vt:variant>
    </vt:vector>
  </HeadingPairs>
  <TitlesOfParts>
    <vt:vector size="20" baseType="lpstr">
      <vt:lpstr>Note</vt:lpstr>
      <vt:lpstr>A.RoHS</vt:lpstr>
      <vt:lpstr>B.Others</vt:lpstr>
      <vt:lpstr>A (appendix). RoHS</vt:lpstr>
      <vt:lpstr>B (appendix). Others</vt:lpstr>
      <vt:lpstr>Analysis</vt:lpstr>
      <vt:lpstr>&lt;Ref&gt; Check Point</vt:lpstr>
      <vt:lpstr>Revision Point</vt:lpstr>
      <vt:lpstr>Reference Reg.</vt:lpstr>
      <vt:lpstr>'&lt;Ref&gt; Check Point'!Print_Area</vt:lpstr>
      <vt:lpstr>A.RoHS!Print_Area</vt:lpstr>
      <vt:lpstr>Analysis!Print_Area</vt:lpstr>
      <vt:lpstr>'B (appendix). Others'!Print_Area</vt:lpstr>
      <vt:lpstr>B.Others!Print_Area</vt:lpstr>
      <vt:lpstr>'Reference Reg.'!Print_Area</vt:lpstr>
      <vt:lpstr>'Revision Point'!Print_Area</vt:lpstr>
      <vt:lpstr>'A (appendix). RoHS'!Print_Titles</vt:lpstr>
      <vt:lpstr>A.RoHS!Print_Titles</vt:lpstr>
      <vt:lpstr>'B (appendix). Others'!Print_Titles</vt:lpstr>
      <vt:lpstr>B.Others!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安田剛郎/主事</dc:creator>
  <cp:lastModifiedBy>笹谷美由紀/主任</cp:lastModifiedBy>
  <cp:lastPrinted>2018-06-22T05:04:26Z</cp:lastPrinted>
  <dcterms:created xsi:type="dcterms:W3CDTF">2014-03-28T07:32:07Z</dcterms:created>
  <dcterms:modified xsi:type="dcterms:W3CDTF">2018-06-22T05:29:07Z</dcterms:modified>
</cp:coreProperties>
</file>